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8"/>
  </p:sldMasterIdLst>
  <p:notesMasterIdLst>
    <p:notesMasterId r:id="rId27"/>
  </p:notesMasterIdLst>
  <p:handoutMasterIdLst>
    <p:handoutMasterId r:id="rId28"/>
  </p:handoutMasterIdLst>
  <p:sldIdLst>
    <p:sldId id="402" r:id="rId19"/>
    <p:sldId id="256" r:id="rId20"/>
    <p:sldId id="364" r:id="rId21"/>
    <p:sldId id="456" r:id="rId22"/>
    <p:sldId id="457" r:id="rId23"/>
    <p:sldId id="458" r:id="rId24"/>
    <p:sldId id="459" r:id="rId25"/>
    <p:sldId id="449" r:id="rId26"/>
  </p:sldIdLst>
  <p:sldSz cx="12195175" cy="6858000"/>
  <p:notesSz cx="6858000" cy="9144000"/>
  <p:embeddedFontLst>
    <p:embeddedFont>
      <p:font typeface="Calibri" panose="020F0502020204030204" pitchFamily="34" charset="0"/>
      <p:regular r:id="rId29"/>
      <p:bold r:id="rId30"/>
      <p:italic r:id="rId31"/>
      <p:boldItalic r:id="rId32"/>
    </p:embeddedFont>
  </p:embeddedFontLst>
  <p:custDataLst>
    <p:tags r:id="rId3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10080"/>
    <a:srgbClr val="A101C2"/>
    <a:srgbClr val="BDEA86"/>
    <a:srgbClr val="5DC221"/>
    <a:srgbClr val="CC00DE"/>
    <a:srgbClr val="A100C2"/>
    <a:srgbClr val="0179F5"/>
    <a:srgbClr val="C1FCED"/>
    <a:srgbClr val="2BE1BE"/>
    <a:srgbClr val="00319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EAD906E-F6A2-4454-85FF-DB08DB8F720A}" v="69" dt="2023-07-30T13:24:16.551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7" autoAdjust="0"/>
    <p:restoredTop sz="95869" autoAdjust="0"/>
  </p:normalViewPr>
  <p:slideViewPr>
    <p:cSldViewPr snapToGrid="0" showGuides="1">
      <p:cViewPr varScale="1">
        <p:scale>
          <a:sx n="86" d="100"/>
          <a:sy n="86" d="100"/>
        </p:scale>
        <p:origin x="564" y="41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slide" Target="slides/slide8.xml"/><Relationship Id="rId39" Type="http://schemas.microsoft.com/office/2015/10/relationships/revisionInfo" Target="revisionInfo.xml"/><Relationship Id="rId21" Type="http://schemas.openxmlformats.org/officeDocument/2006/relationships/slide" Target="slides/slide3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7.xml"/><Relationship Id="rId33" Type="http://schemas.openxmlformats.org/officeDocument/2006/relationships/tags" Target="tags/tag1.xml"/><Relationship Id="rId38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2.xml"/><Relationship Id="rId29" Type="http://schemas.openxmlformats.org/officeDocument/2006/relationships/font" Target="fonts/font1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6.xml"/><Relationship Id="rId32" Type="http://schemas.openxmlformats.org/officeDocument/2006/relationships/font" Target="fonts/font4.fntdata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handoutMaster" Target="handoutMasters/handoutMaster1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31" Type="http://schemas.openxmlformats.org/officeDocument/2006/relationships/font" Target="fonts/font3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notesMaster" Target="notesMasters/notesMaster1.xml"/><Relationship Id="rId30" Type="http://schemas.openxmlformats.org/officeDocument/2006/relationships/font" Target="fonts/font2.fntdata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ueller, Valentin" userId="7b1dcd0d-6a99-4c0b-84ee-0f5031e4392c" providerId="ADAL" clId="{DEAD906E-F6A2-4454-85FF-DB08DB8F720A}"/>
    <pc:docChg chg="modSld">
      <pc:chgData name="Mueller, Valentin" userId="7b1dcd0d-6a99-4c0b-84ee-0f5031e4392c" providerId="ADAL" clId="{DEAD906E-F6A2-4454-85FF-DB08DB8F720A}" dt="2023-07-30T13:24:16.551" v="93"/>
      <pc:docMkLst>
        <pc:docMk/>
      </pc:docMkLst>
      <pc:sldChg chg="addSp delSp modSp mod modTransition modAnim">
        <pc:chgData name="Mueller, Valentin" userId="7b1dcd0d-6a99-4c0b-84ee-0f5031e4392c" providerId="ADAL" clId="{DEAD906E-F6A2-4454-85FF-DB08DB8F720A}" dt="2023-07-30T13:24:16.551" v="93"/>
        <pc:sldMkLst>
          <pc:docMk/>
          <pc:sldMk cId="2080565399" sldId="256"/>
        </pc:sldMkLst>
        <pc:picChg chg="add del mod">
          <ac:chgData name="Mueller, Valentin" userId="7b1dcd0d-6a99-4c0b-84ee-0f5031e4392c" providerId="ADAL" clId="{DEAD906E-F6A2-4454-85FF-DB08DB8F720A}" dt="2023-07-30T12:17:19.129" v="22"/>
          <ac:picMkLst>
            <pc:docMk/>
            <pc:sldMk cId="2080565399" sldId="256"/>
            <ac:picMk id="45" creationId="{37CC60BB-2EE0-D42B-1F97-6B60B2EE25AF}"/>
          </ac:picMkLst>
        </pc:picChg>
        <pc:picChg chg="add del mod ord">
          <ac:chgData name="Mueller, Valentin" userId="7b1dcd0d-6a99-4c0b-84ee-0f5031e4392c" providerId="ADAL" clId="{DEAD906E-F6A2-4454-85FF-DB08DB8F720A}" dt="2023-07-30T12:17:26.979" v="23"/>
          <ac:picMkLst>
            <pc:docMk/>
            <pc:sldMk cId="2080565399" sldId="256"/>
            <ac:picMk id="48" creationId="{92C85E7E-1AF6-C646-0FB6-9BA3BFDBEA64}"/>
          </ac:picMkLst>
        </pc:picChg>
        <pc:picChg chg="add del mod">
          <ac:chgData name="Mueller, Valentin" userId="7b1dcd0d-6a99-4c0b-84ee-0f5031e4392c" providerId="ADAL" clId="{DEAD906E-F6A2-4454-85FF-DB08DB8F720A}" dt="2023-07-30T12:17:29.588" v="25"/>
          <ac:picMkLst>
            <pc:docMk/>
            <pc:sldMk cId="2080565399" sldId="256"/>
            <ac:picMk id="49" creationId="{0F46B7E8-FF91-79E4-27B5-B013E92F3B47}"/>
          </ac:picMkLst>
        </pc:picChg>
        <pc:picChg chg="add del mod ord">
          <ac:chgData name="Mueller, Valentin" userId="7b1dcd0d-6a99-4c0b-84ee-0f5031e4392c" providerId="ADAL" clId="{DEAD906E-F6A2-4454-85FF-DB08DB8F720A}" dt="2023-07-30T12:18:30.655" v="26"/>
          <ac:picMkLst>
            <pc:docMk/>
            <pc:sldMk cId="2080565399" sldId="256"/>
            <ac:picMk id="52" creationId="{4FF10E3A-33B8-57AF-C86F-47504183C442}"/>
          </ac:picMkLst>
        </pc:picChg>
        <pc:picChg chg="add del mod">
          <ac:chgData name="Mueller, Valentin" userId="7b1dcd0d-6a99-4c0b-84ee-0f5031e4392c" providerId="ADAL" clId="{DEAD906E-F6A2-4454-85FF-DB08DB8F720A}" dt="2023-07-30T12:19:37.297" v="28"/>
          <ac:picMkLst>
            <pc:docMk/>
            <pc:sldMk cId="2080565399" sldId="256"/>
            <ac:picMk id="53" creationId="{9D4E597C-B9F6-078A-01B1-A3F12C30E898}"/>
          </ac:picMkLst>
        </pc:picChg>
        <pc:picChg chg="add del mod ord">
          <ac:chgData name="Mueller, Valentin" userId="7b1dcd0d-6a99-4c0b-84ee-0f5031e4392c" providerId="ADAL" clId="{DEAD906E-F6A2-4454-85FF-DB08DB8F720A}" dt="2023-07-30T12:19:53.759" v="29"/>
          <ac:picMkLst>
            <pc:docMk/>
            <pc:sldMk cId="2080565399" sldId="256"/>
            <ac:picMk id="58" creationId="{3251423A-1B67-E28C-71FA-245388A67A43}"/>
          </ac:picMkLst>
        </pc:picChg>
        <pc:picChg chg="add del mod">
          <ac:chgData name="Mueller, Valentin" userId="7b1dcd0d-6a99-4c0b-84ee-0f5031e4392c" providerId="ADAL" clId="{DEAD906E-F6A2-4454-85FF-DB08DB8F720A}" dt="2023-07-30T12:19:57.334" v="31"/>
          <ac:picMkLst>
            <pc:docMk/>
            <pc:sldMk cId="2080565399" sldId="256"/>
            <ac:picMk id="59" creationId="{17FBCB83-76A9-00DA-C830-BE395D5D7067}"/>
          </ac:picMkLst>
        </pc:picChg>
        <pc:picChg chg="add del mod ord">
          <ac:chgData name="Mueller, Valentin" userId="7b1dcd0d-6a99-4c0b-84ee-0f5031e4392c" providerId="ADAL" clId="{DEAD906E-F6A2-4454-85FF-DB08DB8F720A}" dt="2023-07-30T12:20:32.270" v="32"/>
          <ac:picMkLst>
            <pc:docMk/>
            <pc:sldMk cId="2080565399" sldId="256"/>
            <ac:picMk id="62" creationId="{8DD00337-2A4C-04D2-B858-1F755B60301D}"/>
          </ac:picMkLst>
        </pc:picChg>
        <pc:picChg chg="add del mod">
          <ac:chgData name="Mueller, Valentin" userId="7b1dcd0d-6a99-4c0b-84ee-0f5031e4392c" providerId="ADAL" clId="{DEAD906E-F6A2-4454-85FF-DB08DB8F720A}" dt="2023-07-30T12:20:42.465" v="34"/>
          <ac:picMkLst>
            <pc:docMk/>
            <pc:sldMk cId="2080565399" sldId="256"/>
            <ac:picMk id="63" creationId="{A68521A6-2115-A0E1-2BAF-D2E10DFCB2D5}"/>
          </ac:picMkLst>
        </pc:picChg>
        <pc:picChg chg="add del mod ord">
          <ac:chgData name="Mueller, Valentin" userId="7b1dcd0d-6a99-4c0b-84ee-0f5031e4392c" providerId="ADAL" clId="{DEAD906E-F6A2-4454-85FF-DB08DB8F720A}" dt="2023-07-30T12:20:58.068" v="35"/>
          <ac:picMkLst>
            <pc:docMk/>
            <pc:sldMk cId="2080565399" sldId="256"/>
            <ac:picMk id="66" creationId="{2A2A1371-6001-B453-05E8-A278E3ECA3C5}"/>
          </ac:picMkLst>
        </pc:picChg>
        <pc:picChg chg="add del mod">
          <ac:chgData name="Mueller, Valentin" userId="7b1dcd0d-6a99-4c0b-84ee-0f5031e4392c" providerId="ADAL" clId="{DEAD906E-F6A2-4454-85FF-DB08DB8F720A}" dt="2023-07-30T12:21:02.692" v="37"/>
          <ac:picMkLst>
            <pc:docMk/>
            <pc:sldMk cId="2080565399" sldId="256"/>
            <ac:picMk id="67" creationId="{06ACD9D6-0F2F-8993-5287-1E242D0EDFD7}"/>
          </ac:picMkLst>
        </pc:picChg>
        <pc:picChg chg="add del mod ord">
          <ac:chgData name="Mueller, Valentin" userId="7b1dcd0d-6a99-4c0b-84ee-0f5031e4392c" providerId="ADAL" clId="{DEAD906E-F6A2-4454-85FF-DB08DB8F720A}" dt="2023-07-30T12:21:22.533" v="38"/>
          <ac:picMkLst>
            <pc:docMk/>
            <pc:sldMk cId="2080565399" sldId="256"/>
            <ac:picMk id="70" creationId="{BABC0D88-63FD-DAAF-2C83-E8EC8F60CA57}"/>
          </ac:picMkLst>
        </pc:picChg>
        <pc:picChg chg="add del mod">
          <ac:chgData name="Mueller, Valentin" userId="7b1dcd0d-6a99-4c0b-84ee-0f5031e4392c" providerId="ADAL" clId="{DEAD906E-F6A2-4454-85FF-DB08DB8F720A}" dt="2023-07-30T12:21:31.469" v="40"/>
          <ac:picMkLst>
            <pc:docMk/>
            <pc:sldMk cId="2080565399" sldId="256"/>
            <ac:picMk id="71" creationId="{362E3970-2458-5E58-4C3F-83B866A44A7F}"/>
          </ac:picMkLst>
        </pc:picChg>
        <pc:picChg chg="add del mod ord">
          <ac:chgData name="Mueller, Valentin" userId="7b1dcd0d-6a99-4c0b-84ee-0f5031e4392c" providerId="ADAL" clId="{DEAD906E-F6A2-4454-85FF-DB08DB8F720A}" dt="2023-07-30T12:22:29.007" v="41"/>
          <ac:picMkLst>
            <pc:docMk/>
            <pc:sldMk cId="2080565399" sldId="256"/>
            <ac:picMk id="74" creationId="{24B9B843-DE29-2809-E313-463FD48C0AD9}"/>
          </ac:picMkLst>
        </pc:picChg>
        <pc:picChg chg="add del mod">
          <ac:chgData name="Mueller, Valentin" userId="7b1dcd0d-6a99-4c0b-84ee-0f5031e4392c" providerId="ADAL" clId="{DEAD906E-F6A2-4454-85FF-DB08DB8F720A}" dt="2023-07-30T12:22:31.416" v="43"/>
          <ac:picMkLst>
            <pc:docMk/>
            <pc:sldMk cId="2080565399" sldId="256"/>
            <ac:picMk id="75" creationId="{0C5A3A5F-0409-DB45-44C1-41F3B0713C03}"/>
          </ac:picMkLst>
        </pc:picChg>
        <pc:picChg chg="add del mod ord">
          <ac:chgData name="Mueller, Valentin" userId="7b1dcd0d-6a99-4c0b-84ee-0f5031e4392c" providerId="ADAL" clId="{DEAD906E-F6A2-4454-85FF-DB08DB8F720A}" dt="2023-07-30T12:23:38.082" v="44"/>
          <ac:picMkLst>
            <pc:docMk/>
            <pc:sldMk cId="2080565399" sldId="256"/>
            <ac:picMk id="78" creationId="{FD2EA21C-247E-BA96-6C25-28CFDCF718A7}"/>
          </ac:picMkLst>
        </pc:picChg>
        <pc:picChg chg="add del mod">
          <ac:chgData name="Mueller, Valentin" userId="7b1dcd0d-6a99-4c0b-84ee-0f5031e4392c" providerId="ADAL" clId="{DEAD906E-F6A2-4454-85FF-DB08DB8F720A}" dt="2023-07-30T12:23:40.672" v="46"/>
          <ac:picMkLst>
            <pc:docMk/>
            <pc:sldMk cId="2080565399" sldId="256"/>
            <ac:picMk id="79" creationId="{6BFB1D10-9EFE-A7DD-3BE5-4A6D6524FD8E}"/>
          </ac:picMkLst>
        </pc:picChg>
        <pc:picChg chg="add del mod ord">
          <ac:chgData name="Mueller, Valentin" userId="7b1dcd0d-6a99-4c0b-84ee-0f5031e4392c" providerId="ADAL" clId="{DEAD906E-F6A2-4454-85FF-DB08DB8F720A}" dt="2023-07-30T12:23:55.389" v="47"/>
          <ac:picMkLst>
            <pc:docMk/>
            <pc:sldMk cId="2080565399" sldId="256"/>
            <ac:picMk id="82" creationId="{E3D3329D-6907-B732-E168-A2FB12A02FDC}"/>
          </ac:picMkLst>
        </pc:picChg>
        <pc:picChg chg="add del mod">
          <ac:chgData name="Mueller, Valentin" userId="7b1dcd0d-6a99-4c0b-84ee-0f5031e4392c" providerId="ADAL" clId="{DEAD906E-F6A2-4454-85FF-DB08DB8F720A}" dt="2023-07-30T12:23:57.493" v="49"/>
          <ac:picMkLst>
            <pc:docMk/>
            <pc:sldMk cId="2080565399" sldId="256"/>
            <ac:picMk id="83" creationId="{9DD25B12-F205-574B-E070-17AC3BD3606B}"/>
          </ac:picMkLst>
        </pc:picChg>
        <pc:picChg chg="add del mod ord">
          <ac:chgData name="Mueller, Valentin" userId="7b1dcd0d-6a99-4c0b-84ee-0f5031e4392c" providerId="ADAL" clId="{DEAD906E-F6A2-4454-85FF-DB08DB8F720A}" dt="2023-07-30T12:24:06.239" v="50"/>
          <ac:picMkLst>
            <pc:docMk/>
            <pc:sldMk cId="2080565399" sldId="256"/>
            <ac:picMk id="86" creationId="{C8A85E57-6F32-01F3-1AAE-4D0E0E35C4FD}"/>
          </ac:picMkLst>
        </pc:picChg>
        <pc:picChg chg="add del mod">
          <ac:chgData name="Mueller, Valentin" userId="7b1dcd0d-6a99-4c0b-84ee-0f5031e4392c" providerId="ADAL" clId="{DEAD906E-F6A2-4454-85FF-DB08DB8F720A}" dt="2023-07-30T12:24:08.403" v="52"/>
          <ac:picMkLst>
            <pc:docMk/>
            <pc:sldMk cId="2080565399" sldId="256"/>
            <ac:picMk id="87" creationId="{15915513-440D-D2D7-A1B6-6CEEE66C30EF}"/>
          </ac:picMkLst>
        </pc:picChg>
        <pc:picChg chg="add del mod ord">
          <ac:chgData name="Mueller, Valentin" userId="7b1dcd0d-6a99-4c0b-84ee-0f5031e4392c" providerId="ADAL" clId="{DEAD906E-F6A2-4454-85FF-DB08DB8F720A}" dt="2023-07-30T12:24:43.825" v="53"/>
          <ac:picMkLst>
            <pc:docMk/>
            <pc:sldMk cId="2080565399" sldId="256"/>
            <ac:picMk id="90" creationId="{C0384DA6-C680-8860-3765-1CD7629AFFDC}"/>
          </ac:picMkLst>
        </pc:picChg>
        <pc:picChg chg="add del mod">
          <ac:chgData name="Mueller, Valentin" userId="7b1dcd0d-6a99-4c0b-84ee-0f5031e4392c" providerId="ADAL" clId="{DEAD906E-F6A2-4454-85FF-DB08DB8F720A}" dt="2023-07-30T12:24:46.150" v="55"/>
          <ac:picMkLst>
            <pc:docMk/>
            <pc:sldMk cId="2080565399" sldId="256"/>
            <ac:picMk id="91" creationId="{6B934F43-7CC2-415A-0FF6-61BE7FAD52C6}"/>
          </ac:picMkLst>
        </pc:picChg>
        <pc:picChg chg="add del mod ord">
          <ac:chgData name="Mueller, Valentin" userId="7b1dcd0d-6a99-4c0b-84ee-0f5031e4392c" providerId="ADAL" clId="{DEAD906E-F6A2-4454-85FF-DB08DB8F720A}" dt="2023-07-30T12:24:59.909" v="56"/>
          <ac:picMkLst>
            <pc:docMk/>
            <pc:sldMk cId="2080565399" sldId="256"/>
            <ac:picMk id="94" creationId="{08E34774-8C9F-C540-2EDB-D13751FA02BB}"/>
          </ac:picMkLst>
        </pc:picChg>
        <pc:picChg chg="add del mod">
          <ac:chgData name="Mueller, Valentin" userId="7b1dcd0d-6a99-4c0b-84ee-0f5031e4392c" providerId="ADAL" clId="{DEAD906E-F6A2-4454-85FF-DB08DB8F720A}" dt="2023-07-30T12:25:01.607" v="58"/>
          <ac:picMkLst>
            <pc:docMk/>
            <pc:sldMk cId="2080565399" sldId="256"/>
            <ac:picMk id="95" creationId="{CB344649-2B45-2EBE-3B91-A6F5F367B407}"/>
          </ac:picMkLst>
        </pc:picChg>
        <pc:picChg chg="add del mod ord">
          <ac:chgData name="Mueller, Valentin" userId="7b1dcd0d-6a99-4c0b-84ee-0f5031e4392c" providerId="ADAL" clId="{DEAD906E-F6A2-4454-85FF-DB08DB8F720A}" dt="2023-07-30T12:26:21.420" v="59"/>
          <ac:picMkLst>
            <pc:docMk/>
            <pc:sldMk cId="2080565399" sldId="256"/>
            <ac:picMk id="98" creationId="{C9ADA3A1-78E0-49DC-8137-54ACF5598113}"/>
          </ac:picMkLst>
        </pc:picChg>
        <pc:picChg chg="add del mod">
          <ac:chgData name="Mueller, Valentin" userId="7b1dcd0d-6a99-4c0b-84ee-0f5031e4392c" providerId="ADAL" clId="{DEAD906E-F6A2-4454-85FF-DB08DB8F720A}" dt="2023-07-30T13:24:16.551" v="93"/>
          <ac:picMkLst>
            <pc:docMk/>
            <pc:sldMk cId="2080565399" sldId="256"/>
            <ac:picMk id="99" creationId="{608F74F2-8244-7B17-3C33-132E560A50D1}"/>
          </ac:picMkLst>
        </pc:picChg>
      </pc:sldChg>
      <pc:sldChg chg="addSp delSp modSp mod modTransition modAnim">
        <pc:chgData name="Mueller, Valentin" userId="7b1dcd0d-6a99-4c0b-84ee-0f5031e4392c" providerId="ADAL" clId="{DEAD906E-F6A2-4454-85FF-DB08DB8F720A}" dt="2023-07-30T13:24:16.551" v="93"/>
        <pc:sldMkLst>
          <pc:docMk/>
          <pc:sldMk cId="3602749482" sldId="364"/>
        </pc:sldMkLst>
        <pc:picChg chg="add del mod">
          <ac:chgData name="Mueller, Valentin" userId="7b1dcd0d-6a99-4c0b-84ee-0f5031e4392c" providerId="ADAL" clId="{DEAD906E-F6A2-4454-85FF-DB08DB8F720A}" dt="2023-07-30T12:28:44.494" v="62"/>
          <ac:picMkLst>
            <pc:docMk/>
            <pc:sldMk cId="3602749482" sldId="364"/>
            <ac:picMk id="11" creationId="{24730B36-275B-53D6-0745-81535767F3E2}"/>
          </ac:picMkLst>
        </pc:picChg>
        <pc:picChg chg="add del mod ord">
          <ac:chgData name="Mueller, Valentin" userId="7b1dcd0d-6a99-4c0b-84ee-0f5031e4392c" providerId="ADAL" clId="{DEAD906E-F6A2-4454-85FF-DB08DB8F720A}" dt="2023-07-30T12:29:02.181" v="63"/>
          <ac:picMkLst>
            <pc:docMk/>
            <pc:sldMk cId="3602749482" sldId="364"/>
            <ac:picMk id="14" creationId="{93D24186-D8E1-4728-7ADA-80B54C8A4D90}"/>
          </ac:picMkLst>
        </pc:picChg>
        <pc:picChg chg="add del mod">
          <ac:chgData name="Mueller, Valentin" userId="7b1dcd0d-6a99-4c0b-84ee-0f5031e4392c" providerId="ADAL" clId="{DEAD906E-F6A2-4454-85FF-DB08DB8F720A}" dt="2023-07-30T12:29:04.384" v="65"/>
          <ac:picMkLst>
            <pc:docMk/>
            <pc:sldMk cId="3602749482" sldId="364"/>
            <ac:picMk id="15" creationId="{4ED62A61-1E12-C65B-994D-4C8ECCCDC6A4}"/>
          </ac:picMkLst>
        </pc:picChg>
        <pc:picChg chg="add del mod ord">
          <ac:chgData name="Mueller, Valentin" userId="7b1dcd0d-6a99-4c0b-84ee-0f5031e4392c" providerId="ADAL" clId="{DEAD906E-F6A2-4454-85FF-DB08DB8F720A}" dt="2023-07-30T12:31:48.864" v="66"/>
          <ac:picMkLst>
            <pc:docMk/>
            <pc:sldMk cId="3602749482" sldId="364"/>
            <ac:picMk id="18" creationId="{5562CADA-F935-E1A2-3C47-8BA1511A1AE0}"/>
          </ac:picMkLst>
        </pc:picChg>
        <pc:picChg chg="add del mod">
          <ac:chgData name="Mueller, Valentin" userId="7b1dcd0d-6a99-4c0b-84ee-0f5031e4392c" providerId="ADAL" clId="{DEAD906E-F6A2-4454-85FF-DB08DB8F720A}" dt="2023-07-30T13:24:16.551" v="93"/>
          <ac:picMkLst>
            <pc:docMk/>
            <pc:sldMk cId="3602749482" sldId="364"/>
            <ac:picMk id="19" creationId="{2EE9D90A-75F5-2D4C-7088-AA747C785BA3}"/>
          </ac:picMkLst>
        </pc:picChg>
      </pc:sldChg>
      <pc:sldChg chg="addSp delSp modSp mod modTransition modAnim">
        <pc:chgData name="Mueller, Valentin" userId="7b1dcd0d-6a99-4c0b-84ee-0f5031e4392c" providerId="ADAL" clId="{DEAD906E-F6A2-4454-85FF-DB08DB8F720A}" dt="2023-07-30T13:24:16.551" v="93"/>
        <pc:sldMkLst>
          <pc:docMk/>
          <pc:sldMk cId="3316874168" sldId="402"/>
        </pc:sldMkLst>
        <pc:picChg chg="add del mod">
          <ac:chgData name="Mueller, Valentin" userId="7b1dcd0d-6a99-4c0b-84ee-0f5031e4392c" providerId="ADAL" clId="{DEAD906E-F6A2-4454-85FF-DB08DB8F720A}" dt="2023-07-30T12:15:11.223" v="12"/>
          <ac:picMkLst>
            <pc:docMk/>
            <pc:sldMk cId="3316874168" sldId="402"/>
            <ac:picMk id="6" creationId="{58145811-18A0-9C29-1149-DF3FC2B5C7FD}"/>
          </ac:picMkLst>
        </pc:picChg>
        <pc:picChg chg="add del mod ord">
          <ac:chgData name="Mueller, Valentin" userId="7b1dcd0d-6a99-4c0b-84ee-0f5031e4392c" providerId="ADAL" clId="{DEAD906E-F6A2-4454-85FF-DB08DB8F720A}" dt="2023-07-30T12:15:26.486" v="13"/>
          <ac:picMkLst>
            <pc:docMk/>
            <pc:sldMk cId="3316874168" sldId="402"/>
            <ac:picMk id="12" creationId="{E2CA8107-0ADF-1D25-DE97-31D07F473513}"/>
          </ac:picMkLst>
        </pc:picChg>
        <pc:picChg chg="add del mod">
          <ac:chgData name="Mueller, Valentin" userId="7b1dcd0d-6a99-4c0b-84ee-0f5031e4392c" providerId="ADAL" clId="{DEAD906E-F6A2-4454-85FF-DB08DB8F720A}" dt="2023-07-30T12:15:45.180" v="15"/>
          <ac:picMkLst>
            <pc:docMk/>
            <pc:sldMk cId="3316874168" sldId="402"/>
            <ac:picMk id="13" creationId="{877A1AB7-52C1-4DF6-794D-43354C162C4B}"/>
          </ac:picMkLst>
        </pc:picChg>
        <pc:picChg chg="add del mod ord">
          <ac:chgData name="Mueller, Valentin" userId="7b1dcd0d-6a99-4c0b-84ee-0f5031e4392c" providerId="ADAL" clId="{DEAD906E-F6A2-4454-85FF-DB08DB8F720A}" dt="2023-07-30T12:15:58.020" v="16"/>
          <ac:picMkLst>
            <pc:docMk/>
            <pc:sldMk cId="3316874168" sldId="402"/>
            <ac:picMk id="18" creationId="{42FD98E3-B864-0678-5839-4EA083ABCFDC}"/>
          </ac:picMkLst>
        </pc:picChg>
        <pc:picChg chg="add del mod">
          <ac:chgData name="Mueller, Valentin" userId="7b1dcd0d-6a99-4c0b-84ee-0f5031e4392c" providerId="ADAL" clId="{DEAD906E-F6A2-4454-85FF-DB08DB8F720A}" dt="2023-07-30T12:16:15.714" v="18"/>
          <ac:picMkLst>
            <pc:docMk/>
            <pc:sldMk cId="3316874168" sldId="402"/>
            <ac:picMk id="19" creationId="{41565877-585B-8A44-EFF7-F888D76ABB5E}"/>
          </ac:picMkLst>
        </pc:picChg>
        <pc:picChg chg="add del mod">
          <ac:chgData name="Mueller, Valentin" userId="7b1dcd0d-6a99-4c0b-84ee-0f5031e4392c" providerId="ADAL" clId="{DEAD906E-F6A2-4454-85FF-DB08DB8F720A}" dt="2023-07-30T12:10:07.746" v="3"/>
          <ac:picMkLst>
            <pc:docMk/>
            <pc:sldMk cId="3316874168" sldId="402"/>
            <ac:picMk id="24" creationId="{5AB25EC7-BF94-D353-959F-E6124B26E52F}"/>
          </ac:picMkLst>
        </pc:picChg>
        <pc:picChg chg="add del mod ord">
          <ac:chgData name="Mueller, Valentin" userId="7b1dcd0d-6a99-4c0b-84ee-0f5031e4392c" providerId="ADAL" clId="{DEAD906E-F6A2-4454-85FF-DB08DB8F720A}" dt="2023-07-30T12:16:32.238" v="19"/>
          <ac:picMkLst>
            <pc:docMk/>
            <pc:sldMk cId="3316874168" sldId="402"/>
            <ac:picMk id="24" creationId="{FDEC3767-902A-FB79-E106-534885D13229}"/>
          </ac:picMkLst>
        </pc:picChg>
        <pc:picChg chg="add del mod">
          <ac:chgData name="Mueller, Valentin" userId="7b1dcd0d-6a99-4c0b-84ee-0f5031e4392c" providerId="ADAL" clId="{DEAD906E-F6A2-4454-85FF-DB08DB8F720A}" dt="2023-07-30T13:24:16.551" v="93"/>
          <ac:picMkLst>
            <pc:docMk/>
            <pc:sldMk cId="3316874168" sldId="402"/>
            <ac:picMk id="25" creationId="{0D52DFA3-6BAC-FA8B-FAFC-B4215040037E}"/>
          </ac:picMkLst>
        </pc:picChg>
        <pc:picChg chg="add del mod">
          <ac:chgData name="Mueller, Valentin" userId="7b1dcd0d-6a99-4c0b-84ee-0f5031e4392c" providerId="ADAL" clId="{DEAD906E-F6A2-4454-85FF-DB08DB8F720A}" dt="2023-07-30T12:10:23.825" v="6"/>
          <ac:picMkLst>
            <pc:docMk/>
            <pc:sldMk cId="3316874168" sldId="402"/>
            <ac:picMk id="28" creationId="{CEAB660F-D541-EAC4-FC1C-86B8264BD04F}"/>
          </ac:picMkLst>
        </pc:picChg>
      </pc:sldChg>
      <pc:sldChg chg="addSp delSp modSp mod modTransition modAnim">
        <pc:chgData name="Mueller, Valentin" userId="7b1dcd0d-6a99-4c0b-84ee-0f5031e4392c" providerId="ADAL" clId="{DEAD906E-F6A2-4454-85FF-DB08DB8F720A}" dt="2023-07-30T13:24:16.551" v="93"/>
        <pc:sldMkLst>
          <pc:docMk/>
          <pc:sldMk cId="4060872162" sldId="449"/>
        </pc:sldMkLst>
        <pc:picChg chg="add del mod">
          <ac:chgData name="Mueller, Valentin" userId="7b1dcd0d-6a99-4c0b-84ee-0f5031e4392c" providerId="ADAL" clId="{DEAD906E-F6A2-4454-85FF-DB08DB8F720A}" dt="2023-07-30T13:07:42.563" v="91"/>
          <ac:picMkLst>
            <pc:docMk/>
            <pc:sldMk cId="4060872162" sldId="449"/>
            <ac:picMk id="6" creationId="{9C30293F-6F91-8E54-B445-3EA67328A3F8}"/>
          </ac:picMkLst>
        </pc:picChg>
        <pc:picChg chg="add del mod ord">
          <ac:chgData name="Mueller, Valentin" userId="7b1dcd0d-6a99-4c0b-84ee-0f5031e4392c" providerId="ADAL" clId="{DEAD906E-F6A2-4454-85FF-DB08DB8F720A}" dt="2023-07-30T13:07:53.476" v="92"/>
          <ac:picMkLst>
            <pc:docMk/>
            <pc:sldMk cId="4060872162" sldId="449"/>
            <ac:picMk id="9" creationId="{AB655750-3ACD-81D8-2AF1-BC95B3C6E44D}"/>
          </ac:picMkLst>
        </pc:picChg>
        <pc:picChg chg="add del mod">
          <ac:chgData name="Mueller, Valentin" userId="7b1dcd0d-6a99-4c0b-84ee-0f5031e4392c" providerId="ADAL" clId="{DEAD906E-F6A2-4454-85FF-DB08DB8F720A}" dt="2023-07-30T13:24:16.551" v="93"/>
          <ac:picMkLst>
            <pc:docMk/>
            <pc:sldMk cId="4060872162" sldId="449"/>
            <ac:picMk id="10" creationId="{283DC036-B8E5-230D-8E9B-1A64CB666FA0}"/>
          </ac:picMkLst>
        </pc:picChg>
      </pc:sldChg>
      <pc:sldChg chg="addSp delSp modSp modTransition modAnim">
        <pc:chgData name="Mueller, Valentin" userId="7b1dcd0d-6a99-4c0b-84ee-0f5031e4392c" providerId="ADAL" clId="{DEAD906E-F6A2-4454-85FF-DB08DB8F720A}" dt="2023-07-30T13:24:16.551" v="93"/>
        <pc:sldMkLst>
          <pc:docMk/>
          <pc:sldMk cId="4158761735" sldId="456"/>
        </pc:sldMkLst>
        <pc:picChg chg="add del mod">
          <ac:chgData name="Mueller, Valentin" userId="7b1dcd0d-6a99-4c0b-84ee-0f5031e4392c" providerId="ADAL" clId="{DEAD906E-F6A2-4454-85FF-DB08DB8F720A}" dt="2023-07-30T13:24:16.551" v="93"/>
          <ac:picMkLst>
            <pc:docMk/>
            <pc:sldMk cId="4158761735" sldId="456"/>
            <ac:picMk id="6" creationId="{D5D40DFF-085A-B58D-2E90-727B1D696B15}"/>
          </ac:picMkLst>
        </pc:picChg>
      </pc:sldChg>
      <pc:sldChg chg="addSp delSp modSp mod modTransition modAnim">
        <pc:chgData name="Mueller, Valentin" userId="7b1dcd0d-6a99-4c0b-84ee-0f5031e4392c" providerId="ADAL" clId="{DEAD906E-F6A2-4454-85FF-DB08DB8F720A}" dt="2023-07-30T13:24:16.551" v="93"/>
        <pc:sldMkLst>
          <pc:docMk/>
          <pc:sldMk cId="1850618502" sldId="457"/>
        </pc:sldMkLst>
        <pc:picChg chg="add del mod">
          <ac:chgData name="Mueller, Valentin" userId="7b1dcd0d-6a99-4c0b-84ee-0f5031e4392c" providerId="ADAL" clId="{DEAD906E-F6A2-4454-85FF-DB08DB8F720A}" dt="2023-07-30T12:45:27.276" v="70"/>
          <ac:picMkLst>
            <pc:docMk/>
            <pc:sldMk cId="1850618502" sldId="457"/>
            <ac:picMk id="6" creationId="{A5125047-0444-55C8-8E8B-05E0A2D82C14}"/>
          </ac:picMkLst>
        </pc:picChg>
        <pc:picChg chg="add del mod ord">
          <ac:chgData name="Mueller, Valentin" userId="7b1dcd0d-6a99-4c0b-84ee-0f5031e4392c" providerId="ADAL" clId="{DEAD906E-F6A2-4454-85FF-DB08DB8F720A}" dt="2023-07-30T12:45:40.066" v="71"/>
          <ac:picMkLst>
            <pc:docMk/>
            <pc:sldMk cId="1850618502" sldId="457"/>
            <ac:picMk id="13" creationId="{F21B5887-09CD-3AB5-FA95-D8E8BE4292AC}"/>
          </ac:picMkLst>
        </pc:picChg>
        <pc:picChg chg="add del mod">
          <ac:chgData name="Mueller, Valentin" userId="7b1dcd0d-6a99-4c0b-84ee-0f5031e4392c" providerId="ADAL" clId="{DEAD906E-F6A2-4454-85FF-DB08DB8F720A}" dt="2023-07-30T12:45:42.600" v="73"/>
          <ac:picMkLst>
            <pc:docMk/>
            <pc:sldMk cId="1850618502" sldId="457"/>
            <ac:picMk id="14" creationId="{CC75DAA4-010F-9B7E-4FAE-62709F5BD532}"/>
          </ac:picMkLst>
        </pc:picChg>
        <pc:picChg chg="add del mod ord">
          <ac:chgData name="Mueller, Valentin" userId="7b1dcd0d-6a99-4c0b-84ee-0f5031e4392c" providerId="ADAL" clId="{DEAD906E-F6A2-4454-85FF-DB08DB8F720A}" dt="2023-07-30T12:47:35.824" v="74"/>
          <ac:picMkLst>
            <pc:docMk/>
            <pc:sldMk cId="1850618502" sldId="457"/>
            <ac:picMk id="17" creationId="{8606ED24-5005-3264-F3DA-C32F0F4CB4D4}"/>
          </ac:picMkLst>
        </pc:picChg>
        <pc:picChg chg="add del mod">
          <ac:chgData name="Mueller, Valentin" userId="7b1dcd0d-6a99-4c0b-84ee-0f5031e4392c" providerId="ADAL" clId="{DEAD906E-F6A2-4454-85FF-DB08DB8F720A}" dt="2023-07-30T12:56:33.851" v="76"/>
          <ac:picMkLst>
            <pc:docMk/>
            <pc:sldMk cId="1850618502" sldId="457"/>
            <ac:picMk id="18" creationId="{49C34AC6-6958-550F-1C32-7C23B96303E7}"/>
          </ac:picMkLst>
        </pc:picChg>
        <pc:picChg chg="add del mod ord">
          <ac:chgData name="Mueller, Valentin" userId="7b1dcd0d-6a99-4c0b-84ee-0f5031e4392c" providerId="ADAL" clId="{DEAD906E-F6A2-4454-85FF-DB08DB8F720A}" dt="2023-07-30T12:58:04.718" v="77"/>
          <ac:picMkLst>
            <pc:docMk/>
            <pc:sldMk cId="1850618502" sldId="457"/>
            <ac:picMk id="21" creationId="{72ADFB13-B4F2-B800-42CE-7EB589B92DA3}"/>
          </ac:picMkLst>
        </pc:picChg>
        <pc:picChg chg="add del mod">
          <ac:chgData name="Mueller, Valentin" userId="7b1dcd0d-6a99-4c0b-84ee-0f5031e4392c" providerId="ADAL" clId="{DEAD906E-F6A2-4454-85FF-DB08DB8F720A}" dt="2023-07-30T12:58:09.423" v="79"/>
          <ac:picMkLst>
            <pc:docMk/>
            <pc:sldMk cId="1850618502" sldId="457"/>
            <ac:picMk id="22" creationId="{BA14514A-CB22-E64F-7C22-A52FEF124D58}"/>
          </ac:picMkLst>
        </pc:picChg>
        <pc:picChg chg="add del mod ord">
          <ac:chgData name="Mueller, Valentin" userId="7b1dcd0d-6a99-4c0b-84ee-0f5031e4392c" providerId="ADAL" clId="{DEAD906E-F6A2-4454-85FF-DB08DB8F720A}" dt="2023-07-30T13:01:22.443" v="80"/>
          <ac:picMkLst>
            <pc:docMk/>
            <pc:sldMk cId="1850618502" sldId="457"/>
            <ac:picMk id="26" creationId="{E59839AF-C7F1-C491-9AA9-1E2664E8DB18}"/>
          </ac:picMkLst>
        </pc:picChg>
        <pc:picChg chg="add del mod">
          <ac:chgData name="Mueller, Valentin" userId="7b1dcd0d-6a99-4c0b-84ee-0f5031e4392c" providerId="ADAL" clId="{DEAD906E-F6A2-4454-85FF-DB08DB8F720A}" dt="2023-07-30T13:24:16.551" v="93"/>
          <ac:picMkLst>
            <pc:docMk/>
            <pc:sldMk cId="1850618502" sldId="457"/>
            <ac:picMk id="27" creationId="{9DB5E3CC-2676-C877-6830-4DF26985F418}"/>
          </ac:picMkLst>
        </pc:picChg>
      </pc:sldChg>
      <pc:sldChg chg="addSp delSp modSp mod modTransition modAnim">
        <pc:chgData name="Mueller, Valentin" userId="7b1dcd0d-6a99-4c0b-84ee-0f5031e4392c" providerId="ADAL" clId="{DEAD906E-F6A2-4454-85FF-DB08DB8F720A}" dt="2023-07-30T13:24:16.551" v="93"/>
        <pc:sldMkLst>
          <pc:docMk/>
          <pc:sldMk cId="1081084321" sldId="458"/>
        </pc:sldMkLst>
        <pc:spChg chg="mod">
          <ac:chgData name="Mueller, Valentin" userId="7b1dcd0d-6a99-4c0b-84ee-0f5031e4392c" providerId="ADAL" clId="{DEAD906E-F6A2-4454-85FF-DB08DB8F720A}" dt="2023-07-30T13:02:39.755" v="86" actId="113"/>
          <ac:spMkLst>
            <pc:docMk/>
            <pc:sldMk cId="1081084321" sldId="458"/>
            <ac:spMk id="6" creationId="{E77117CE-515E-A80C-DDC0-C1320C2D007F}"/>
          </ac:spMkLst>
        </pc:spChg>
        <pc:picChg chg="add del mod">
          <ac:chgData name="Mueller, Valentin" userId="7b1dcd0d-6a99-4c0b-84ee-0f5031e4392c" providerId="ADAL" clId="{DEAD906E-F6A2-4454-85FF-DB08DB8F720A}" dt="2023-07-30T13:01:54.245" v="82"/>
          <ac:picMkLst>
            <pc:docMk/>
            <pc:sldMk cId="1081084321" sldId="458"/>
            <ac:picMk id="15" creationId="{628378C1-5522-A256-E269-8E5848FCEDEF}"/>
          </ac:picMkLst>
        </pc:picChg>
        <pc:picChg chg="add del mod">
          <ac:chgData name="Mueller, Valentin" userId="7b1dcd0d-6a99-4c0b-84ee-0f5031e4392c" providerId="ADAL" clId="{DEAD906E-F6A2-4454-85FF-DB08DB8F720A}" dt="2023-07-30T13:24:16.551" v="93"/>
          <ac:picMkLst>
            <pc:docMk/>
            <pc:sldMk cId="1081084321" sldId="458"/>
            <ac:picMk id="20" creationId="{3951FC94-FD63-1089-67FD-78E6E2A3E637}"/>
          </ac:picMkLst>
        </pc:picChg>
      </pc:sldChg>
      <pc:sldChg chg="addSp delSp modSp modTransition modAnim">
        <pc:chgData name="Mueller, Valentin" userId="7b1dcd0d-6a99-4c0b-84ee-0f5031e4392c" providerId="ADAL" clId="{DEAD906E-F6A2-4454-85FF-DB08DB8F720A}" dt="2023-07-30T13:24:16.551" v="93"/>
        <pc:sldMkLst>
          <pc:docMk/>
          <pc:sldMk cId="940961536" sldId="459"/>
        </pc:sldMkLst>
        <pc:picChg chg="add del mod">
          <ac:chgData name="Mueller, Valentin" userId="7b1dcd0d-6a99-4c0b-84ee-0f5031e4392c" providerId="ADAL" clId="{DEAD906E-F6A2-4454-85FF-DB08DB8F720A}" dt="2023-07-30T13:24:16.551" v="93"/>
          <ac:picMkLst>
            <pc:docMk/>
            <pc:sldMk cId="940961536" sldId="459"/>
            <ac:picMk id="9" creationId="{D2233C76-44CC-BC19-0CA6-2822C0C94757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5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65428084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8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040844" name="SAP Logo Placeholder" descr="{&quot;templafy&quot;:{&quot;id&quot;:&quot;ad498170-6840-41f5-96ac-049d9860d60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37451236-BF8E-934B-B7DE-1ADB8A004F3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1" i="0" dirty="0">
                <a:latin typeface="Arial" panose="020B0604020202020204" pitchFamily="34" charset="0"/>
                <a:ea typeface="+mn-ea"/>
                <a:cs typeface="72" panose="020B0503030000000003" pitchFamily="34" charset="0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TextBox 9" descr="{&quot;templafy&quot;:{&quot;id&quot;:&quot;9d0a95de-ddb2-443d-b3a4-9109b9adbbe2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  <p:pic>
        <p:nvPicPr>
          <p:cNvPr id="459697458" name="Acquired Company Logo Placeholder" descr="{&quot;templafy&quot;:{&quot;id&quot;:&quot;c2811027-4155-4273-b5c2-8d5a5a12478e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out anvil">
    <p:bg>
      <p:bgPr>
        <a:solidFill>
          <a:srgbClr val="DAF2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 2" descr="preencoded.png">
            <a:extLst>
              <a:ext uri="{FF2B5EF4-FFF2-40B4-BE49-F238E27FC236}">
                <a16:creationId xmlns:a16="http://schemas.microsoft.com/office/drawing/2014/main" id="{26A9AB58-5C92-F95E-0D83-14F832C10E7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289865" y="1275473"/>
            <a:ext cx="8851917" cy="4363327"/>
          </a:xfrm>
          <a:prstGeom prst="rect">
            <a:avLst/>
          </a:prstGeom>
        </p:spPr>
      </p:pic>
      <p:pic>
        <p:nvPicPr>
          <p:cNvPr id="2062231673" name="SAP Logo Placeholder" descr="{&quot;templafy&quot;:{&quot;id&quot;:&quot;e273bf79-15c8-4af2-bbdc-db69c156a72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 i="0">
                <a:latin typeface="Arial" panose="020B0604020202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05686312" name="Acquired Company Logo Placeholder" descr="{&quot;templafy&quot;:{&quot;id&quot;:&quot;00821f39-cf0f-4d89-a4b7-213260a7297d&quot;}}" hidden="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1e9fbfc0-4348-4622-8b8b-660378e71330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108079723" name="Acquired Company Logo Placeholder" descr="{&quot;templafy&quot;:{&quot;id&quot;:&quot;3ed5ea73-4237-4e8b-a86c-bf4eb78a1614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Arial" panose="020B0604020202020204" pitchFamily="34" charset="0"/>
              </a:rPr>
              <a:t>Contact information:</a:t>
            </a:r>
          </a:p>
        </p:txBody>
      </p:sp>
      <p:sp>
        <p:nvSpPr>
          <p:cNvPr id="9" name="Copyright Placeholder" descr="{&quot;templafy&quot;:{&quot;id&quot;:&quot;a5278d86-1e1d-4284-879d-5fe78bdbeeef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pic>
        <p:nvPicPr>
          <p:cNvPr id="1031730558" name="SAP Logo Placeholder" descr="{&quot;templafy&quot;:{&quot;id&quot;:&quot;3e2306fa-c885-4ac8-8fc2-5ff37797d06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509760" y="5797296"/>
            <a:ext cx="2212852" cy="536449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466850"/>
            <a:ext cx="5413477" cy="846386"/>
          </a:xfrm>
        </p:spPr>
        <p:txBody>
          <a:bodyPr/>
          <a:lstStyle>
            <a:lvl1pPr>
              <a:defRPr sz="5500"/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48B029D-C1BA-6745-8ADE-EF91FC90E08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8126118" y="0"/>
            <a:ext cx="4069057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icon to add picture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865889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51008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 2" descr="preencoded.png">
            <a:extLst>
              <a:ext uri="{FF2B5EF4-FFF2-40B4-BE49-F238E27FC236}">
                <a16:creationId xmlns:a16="http://schemas.microsoft.com/office/drawing/2014/main" id="{26A9AB58-5C92-F95E-0D83-14F832C10E7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289865" y="1275473"/>
            <a:ext cx="8851917" cy="4363327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 i="0">
                <a:solidFill>
                  <a:schemeClr val="bg1"/>
                </a:solidFill>
                <a:latin typeface="Arial" panose="020B0604020202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extBox 10" descr="{&quot;templafy&quot;:{&quot;id&quot;:&quot;33f06655-5653-4e5b-a8b3-9771c6994b2f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  <p:pic>
        <p:nvPicPr>
          <p:cNvPr id="1119790828" name="SAP Logo Placeholder" descr="{&quot;templafy&quot;:{&quot;id&quot;:&quot;8b15a001-f28c-44ae-8241-1b0d93bef3c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pic>
        <p:nvPicPr>
          <p:cNvPr id="909421902" name="Acquired Company Logo Placeholder" descr="{&quot;templafy&quot;:{&quot;id&quot;:&quot;beb19f02-9db9-433b-a060-b67e473e4aa6&quot;}}" hidden="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anvil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D5D32D2A-E2F7-EA9D-8CB4-F270F09B15E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156173" y="0"/>
            <a:ext cx="5039001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5" name="Image 1" descr="preencoded.png">
            <a:extLst>
              <a:ext uri="{FF2B5EF4-FFF2-40B4-BE49-F238E27FC236}">
                <a16:creationId xmlns:a16="http://schemas.microsoft.com/office/drawing/2014/main" id="{A0D58351-7331-A48C-A343-895ED628F55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39129" y="1004446"/>
            <a:ext cx="6259235" cy="3073190"/>
          </a:xfrm>
          <a:prstGeom prst="rect">
            <a:avLst/>
          </a:prstGeom>
        </p:spPr>
      </p:pic>
      <p:pic>
        <p:nvPicPr>
          <p:cNvPr id="1891463532" name="SAP Logo Placeholder" descr="{&quot;templafy&quot;:{&quot;id&quot;:&quot;1327e49e-d6b9-4871-b1f2-57669625b56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09253" y="6053328"/>
            <a:ext cx="2212852" cy="536449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 i="0">
                <a:latin typeface="Arial" panose="020B0604020202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725809" name="Acquired Company Logo Placeholder" descr="{&quot;templafy&quot;:{&quot;id&quot;:&quot;50200eec-0d9e-4caf-a323-241c8680b669&quot;}}" hidden="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2575" y="531983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5f42d249-172f-4995-b6e0-2eefc98a98e5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41757162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anvil and image">
    <p:bg>
      <p:bgPr>
        <a:solidFill>
          <a:srgbClr val="BDEA8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D5D32D2A-E2F7-EA9D-8CB4-F270F09B15E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156173" y="0"/>
            <a:ext cx="5039001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5" name="Image 1" descr="preencoded.png">
            <a:extLst>
              <a:ext uri="{FF2B5EF4-FFF2-40B4-BE49-F238E27FC236}">
                <a16:creationId xmlns:a16="http://schemas.microsoft.com/office/drawing/2014/main" id="{A0D58351-7331-A48C-A343-895ED628F55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39129" y="1004446"/>
            <a:ext cx="6259235" cy="3073190"/>
          </a:xfrm>
          <a:prstGeom prst="rect">
            <a:avLst/>
          </a:prstGeom>
        </p:spPr>
      </p:pic>
      <p:pic>
        <p:nvPicPr>
          <p:cNvPr id="1189531446" name="SAP Logo Placeholder" descr="{&quot;templafy&quot;:{&quot;id&quot;:&quot;ea5197a6-4df5-4398-a7ec-c91aa2f58c5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09253" y="6053328"/>
            <a:ext cx="2212852" cy="536449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 i="0">
                <a:latin typeface="Arial" panose="020B0604020202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142683202" name="Acquired Company Logo Placeholder" descr="{&quot;templafy&quot;:{&quot;id&quot;:&quot;b35c61d1-a1ae-4935-8915-c595c227a2a8&quot;}}" hidden="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2575" y="531983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a93bc76b-a35c-4da2-8c2e-b37696012bce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34647150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and image">
    <p:bg>
      <p:bgPr>
        <a:solidFill>
          <a:srgbClr val="C1FCED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Image 1" descr="preencoded.png">
            <a:extLst>
              <a:ext uri="{FF2B5EF4-FFF2-40B4-BE49-F238E27FC236}">
                <a16:creationId xmlns:a16="http://schemas.microsoft.com/office/drawing/2014/main" id="{A0D58351-7331-A48C-A343-895ED628F55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2355" y="1722606"/>
            <a:ext cx="4873193" cy="2392664"/>
          </a:xfrm>
          <a:prstGeom prst="rect">
            <a:avLst/>
          </a:prstGeom>
        </p:spPr>
      </p:pic>
      <p:pic>
        <p:nvPicPr>
          <p:cNvPr id="142341890" name="SAP Logo Placeholder" descr="{&quot;templafy&quot;:{&quot;id&quot;:&quot;a55e9405-7f87-41c6-ba5a-0a72cf1cf12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640104" y="6053328"/>
            <a:ext cx="2212852" cy="536449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536025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 i="0">
                <a:latin typeface="Arial" panose="020B0604020202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00673399" name="Acquired Company Logo Placeholder" descr="{&quot;templafy&quot;:{&quot;id&quot;:&quot;3facbc40-eda2-4111-9e20-157df215eaf3&quot;}}" hidden="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2575" y="531983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70d629b9-5c24-4153-bf67-36ce0749229e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D5D32D2A-E2F7-EA9D-8CB4-F270F09B15E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069013" y="0"/>
            <a:ext cx="612616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</p:spTree>
    <p:extLst>
      <p:ext uri="{BB962C8B-B14F-4D97-AF65-F5344CB8AC3E}">
        <p14:creationId xmlns:p14="http://schemas.microsoft.com/office/powerpoint/2010/main" val="13096667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image in anvil shape">
    <p:bg>
      <p:bgPr>
        <a:solidFill>
          <a:srgbClr val="0179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34110040" name="SAP Logo Placeholder" descr="{&quot;templafy&quot;:{&quot;id&quot;:&quot;ceb66bb0-71ce-4a89-9d8c-6d34a718aa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>
                <a:solidFill>
                  <a:schemeClr val="bg1"/>
                </a:solidFill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22068933" name="Acquired Company Logo Placeholder" descr="{&quot;templafy&quot;:{&quot;id&quot;:&quot;8b7aefd2-e693-4efc-a7cd-27ab5fe9e358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15" name="TextBox 14" descr="{&quot;templafy&quot;:{&quot;id&quot;:&quot;a8516d0d-dcd1-40f5-8b23-1040f43b4f72&quot;}}">
            <a:extLst>
              <a:ext uri="{FF2B5EF4-FFF2-40B4-BE49-F238E27FC236}">
                <a16:creationId xmlns:a16="http://schemas.microsoft.com/office/drawing/2014/main" id="{0FA9D6E6-AE97-2973-2805-63C5FBC0F61C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Arial" panose="020B0604020202020204" pitchFamily="34" charset="0"/>
                <a:ea typeface="Arial Unicode MS" pitchFamily="34" charset="-128"/>
                <a:cs typeface="72" panose="020B0503030000000003" pitchFamily="34" charset="0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2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7.xml"/><Relationship Id="rId63" Type="http://schemas.openxmlformats.org/officeDocument/2006/relationships/tags" Target="../tags/tag38.xml"/><Relationship Id="rId84" Type="http://schemas.openxmlformats.org/officeDocument/2006/relationships/tags" Target="../tags/tag59.xml"/><Relationship Id="rId138" Type="http://schemas.openxmlformats.org/officeDocument/2006/relationships/tags" Target="../tags/tag113.xml"/><Relationship Id="rId107" Type="http://schemas.openxmlformats.org/officeDocument/2006/relationships/tags" Target="../tags/tag82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7.xml"/><Relationship Id="rId53" Type="http://schemas.openxmlformats.org/officeDocument/2006/relationships/tags" Target="../tags/tag28.xml"/><Relationship Id="rId74" Type="http://schemas.openxmlformats.org/officeDocument/2006/relationships/tags" Target="../tags/tag49.xml"/><Relationship Id="rId128" Type="http://schemas.openxmlformats.org/officeDocument/2006/relationships/tags" Target="../tags/tag103.xml"/><Relationship Id="rId149" Type="http://schemas.openxmlformats.org/officeDocument/2006/relationships/tags" Target="../tags/tag124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70.xml"/><Relationship Id="rId22" Type="http://schemas.openxmlformats.org/officeDocument/2006/relationships/slideLayout" Target="../slideLayouts/slideLayout22.xml"/><Relationship Id="rId27" Type="http://schemas.openxmlformats.org/officeDocument/2006/relationships/tags" Target="../tags/tag2.xml"/><Relationship Id="rId43" Type="http://schemas.openxmlformats.org/officeDocument/2006/relationships/tags" Target="../tags/tag18.xml"/><Relationship Id="rId48" Type="http://schemas.openxmlformats.org/officeDocument/2006/relationships/tags" Target="../tags/tag23.xml"/><Relationship Id="rId64" Type="http://schemas.openxmlformats.org/officeDocument/2006/relationships/tags" Target="../tags/tag39.xml"/><Relationship Id="rId69" Type="http://schemas.openxmlformats.org/officeDocument/2006/relationships/tags" Target="../tags/tag44.xml"/><Relationship Id="rId113" Type="http://schemas.openxmlformats.org/officeDocument/2006/relationships/tags" Target="../tags/tag88.xml"/><Relationship Id="rId118" Type="http://schemas.openxmlformats.org/officeDocument/2006/relationships/tags" Target="../tags/tag93.xml"/><Relationship Id="rId134" Type="http://schemas.openxmlformats.org/officeDocument/2006/relationships/tags" Target="../tags/tag109.xml"/><Relationship Id="rId139" Type="http://schemas.openxmlformats.org/officeDocument/2006/relationships/tags" Target="../tags/tag114.xml"/><Relationship Id="rId80" Type="http://schemas.openxmlformats.org/officeDocument/2006/relationships/tags" Target="../tags/tag55.xml"/><Relationship Id="rId85" Type="http://schemas.openxmlformats.org/officeDocument/2006/relationships/tags" Target="../tags/tag6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8.xml"/><Relationship Id="rId38" Type="http://schemas.openxmlformats.org/officeDocument/2006/relationships/tags" Target="../tags/tag13.xml"/><Relationship Id="rId59" Type="http://schemas.openxmlformats.org/officeDocument/2006/relationships/tags" Target="../tags/tag34.xml"/><Relationship Id="rId103" Type="http://schemas.openxmlformats.org/officeDocument/2006/relationships/tags" Target="../tags/tag78.xml"/><Relationship Id="rId108" Type="http://schemas.openxmlformats.org/officeDocument/2006/relationships/tags" Target="../tags/tag83.xml"/><Relationship Id="rId124" Type="http://schemas.openxmlformats.org/officeDocument/2006/relationships/tags" Target="../tags/tag99.xml"/><Relationship Id="rId129" Type="http://schemas.openxmlformats.org/officeDocument/2006/relationships/tags" Target="../tags/tag104.xml"/><Relationship Id="rId54" Type="http://schemas.openxmlformats.org/officeDocument/2006/relationships/tags" Target="../tags/tag29.xml"/><Relationship Id="rId70" Type="http://schemas.openxmlformats.org/officeDocument/2006/relationships/tags" Target="../tags/tag45.xml"/><Relationship Id="rId75" Type="http://schemas.openxmlformats.org/officeDocument/2006/relationships/tags" Target="../tags/tag50.xml"/><Relationship Id="rId91" Type="http://schemas.openxmlformats.org/officeDocument/2006/relationships/tags" Target="../tags/tag66.xml"/><Relationship Id="rId96" Type="http://schemas.openxmlformats.org/officeDocument/2006/relationships/tags" Target="../tags/tag71.xml"/><Relationship Id="rId140" Type="http://schemas.openxmlformats.org/officeDocument/2006/relationships/tags" Target="../tags/tag115.xml"/><Relationship Id="rId145" Type="http://schemas.openxmlformats.org/officeDocument/2006/relationships/tags" Target="../tags/tag1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tags" Target="../tags/tag3.xml"/><Relationship Id="rId49" Type="http://schemas.openxmlformats.org/officeDocument/2006/relationships/tags" Target="../tags/tag24.xml"/><Relationship Id="rId114" Type="http://schemas.openxmlformats.org/officeDocument/2006/relationships/tags" Target="../tags/tag89.xml"/><Relationship Id="rId119" Type="http://schemas.openxmlformats.org/officeDocument/2006/relationships/tags" Target="../tags/tag94.xml"/><Relationship Id="rId44" Type="http://schemas.openxmlformats.org/officeDocument/2006/relationships/tags" Target="../tags/tag19.xml"/><Relationship Id="rId60" Type="http://schemas.openxmlformats.org/officeDocument/2006/relationships/tags" Target="../tags/tag35.xml"/><Relationship Id="rId65" Type="http://schemas.openxmlformats.org/officeDocument/2006/relationships/tags" Target="../tags/tag40.xml"/><Relationship Id="rId81" Type="http://schemas.openxmlformats.org/officeDocument/2006/relationships/tags" Target="../tags/tag56.xml"/><Relationship Id="rId86" Type="http://schemas.openxmlformats.org/officeDocument/2006/relationships/tags" Target="../tags/tag61.xml"/><Relationship Id="rId130" Type="http://schemas.openxmlformats.org/officeDocument/2006/relationships/tags" Target="../tags/tag105.xml"/><Relationship Id="rId135" Type="http://schemas.openxmlformats.org/officeDocument/2006/relationships/tags" Target="../tags/tag110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4.xml"/><Relationship Id="rId109" Type="http://schemas.openxmlformats.org/officeDocument/2006/relationships/tags" Target="../tags/tag84.xml"/><Relationship Id="rId34" Type="http://schemas.openxmlformats.org/officeDocument/2006/relationships/tags" Target="../tags/tag9.xml"/><Relationship Id="rId50" Type="http://schemas.openxmlformats.org/officeDocument/2006/relationships/tags" Target="../tags/tag25.xml"/><Relationship Id="rId55" Type="http://schemas.openxmlformats.org/officeDocument/2006/relationships/tags" Target="../tags/tag30.xml"/><Relationship Id="rId76" Type="http://schemas.openxmlformats.org/officeDocument/2006/relationships/tags" Target="../tags/tag51.xml"/><Relationship Id="rId97" Type="http://schemas.openxmlformats.org/officeDocument/2006/relationships/tags" Target="../tags/tag72.xml"/><Relationship Id="rId104" Type="http://schemas.openxmlformats.org/officeDocument/2006/relationships/tags" Target="../tags/tag79.xml"/><Relationship Id="rId120" Type="http://schemas.openxmlformats.org/officeDocument/2006/relationships/tags" Target="../tags/tag95.xml"/><Relationship Id="rId125" Type="http://schemas.openxmlformats.org/officeDocument/2006/relationships/tags" Target="../tags/tag100.xml"/><Relationship Id="rId141" Type="http://schemas.openxmlformats.org/officeDocument/2006/relationships/tags" Target="../tags/tag116.xml"/><Relationship Id="rId146" Type="http://schemas.openxmlformats.org/officeDocument/2006/relationships/tags" Target="../tags/tag121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6.xml"/><Relationship Id="rId92" Type="http://schemas.openxmlformats.org/officeDocument/2006/relationships/tags" Target="../tags/tag67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4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5.xml"/><Relationship Id="rId45" Type="http://schemas.openxmlformats.org/officeDocument/2006/relationships/tags" Target="../tags/tag20.xml"/><Relationship Id="rId66" Type="http://schemas.openxmlformats.org/officeDocument/2006/relationships/tags" Target="../tags/tag41.xml"/><Relationship Id="rId87" Type="http://schemas.openxmlformats.org/officeDocument/2006/relationships/tags" Target="../tags/tag62.xml"/><Relationship Id="rId110" Type="http://schemas.openxmlformats.org/officeDocument/2006/relationships/tags" Target="../tags/tag85.xml"/><Relationship Id="rId115" Type="http://schemas.openxmlformats.org/officeDocument/2006/relationships/tags" Target="../tags/tag90.xml"/><Relationship Id="rId131" Type="http://schemas.openxmlformats.org/officeDocument/2006/relationships/tags" Target="../tags/tag106.xml"/><Relationship Id="rId136" Type="http://schemas.openxmlformats.org/officeDocument/2006/relationships/tags" Target="../tags/tag111.xml"/><Relationship Id="rId61" Type="http://schemas.openxmlformats.org/officeDocument/2006/relationships/tags" Target="../tags/tag36.xml"/><Relationship Id="rId82" Type="http://schemas.openxmlformats.org/officeDocument/2006/relationships/tags" Target="../tags/tag57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5.xml"/><Relationship Id="rId35" Type="http://schemas.openxmlformats.org/officeDocument/2006/relationships/tags" Target="../tags/tag10.xml"/><Relationship Id="rId56" Type="http://schemas.openxmlformats.org/officeDocument/2006/relationships/tags" Target="../tags/tag31.xml"/><Relationship Id="rId77" Type="http://schemas.openxmlformats.org/officeDocument/2006/relationships/tags" Target="../tags/tag52.xml"/><Relationship Id="rId100" Type="http://schemas.openxmlformats.org/officeDocument/2006/relationships/tags" Target="../tags/tag75.xml"/><Relationship Id="rId105" Type="http://schemas.openxmlformats.org/officeDocument/2006/relationships/tags" Target="../tags/tag80.xml"/><Relationship Id="rId126" Type="http://schemas.openxmlformats.org/officeDocument/2006/relationships/tags" Target="../tags/tag101.xml"/><Relationship Id="rId147" Type="http://schemas.openxmlformats.org/officeDocument/2006/relationships/tags" Target="../tags/tag122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6.xml"/><Relationship Id="rId72" Type="http://schemas.openxmlformats.org/officeDocument/2006/relationships/tags" Target="../tags/tag47.xml"/><Relationship Id="rId93" Type="http://schemas.openxmlformats.org/officeDocument/2006/relationships/tags" Target="../tags/tag68.xml"/><Relationship Id="rId98" Type="http://schemas.openxmlformats.org/officeDocument/2006/relationships/tags" Target="../tags/tag73.xml"/><Relationship Id="rId121" Type="http://schemas.openxmlformats.org/officeDocument/2006/relationships/tags" Target="../tags/tag96.xml"/><Relationship Id="rId142" Type="http://schemas.openxmlformats.org/officeDocument/2006/relationships/tags" Target="../tags/tag117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21.xml"/><Relationship Id="rId67" Type="http://schemas.openxmlformats.org/officeDocument/2006/relationships/tags" Target="../tags/tag42.xml"/><Relationship Id="rId116" Type="http://schemas.openxmlformats.org/officeDocument/2006/relationships/tags" Target="../tags/tag91.xml"/><Relationship Id="rId137" Type="http://schemas.openxmlformats.org/officeDocument/2006/relationships/tags" Target="../tags/tag112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6.xml"/><Relationship Id="rId62" Type="http://schemas.openxmlformats.org/officeDocument/2006/relationships/tags" Target="../tags/tag37.xml"/><Relationship Id="rId83" Type="http://schemas.openxmlformats.org/officeDocument/2006/relationships/tags" Target="../tags/tag58.xml"/><Relationship Id="rId88" Type="http://schemas.openxmlformats.org/officeDocument/2006/relationships/tags" Target="../tags/tag63.xml"/><Relationship Id="rId111" Type="http://schemas.openxmlformats.org/officeDocument/2006/relationships/tags" Target="../tags/tag86.xml"/><Relationship Id="rId132" Type="http://schemas.openxmlformats.org/officeDocument/2006/relationships/tags" Target="../tags/tag107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1.xml"/><Relationship Id="rId57" Type="http://schemas.openxmlformats.org/officeDocument/2006/relationships/tags" Target="../tags/tag32.xml"/><Relationship Id="rId106" Type="http://schemas.openxmlformats.org/officeDocument/2006/relationships/tags" Target="../tags/tag81.xml"/><Relationship Id="rId127" Type="http://schemas.openxmlformats.org/officeDocument/2006/relationships/tags" Target="../tags/tag102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6.xml"/><Relationship Id="rId52" Type="http://schemas.openxmlformats.org/officeDocument/2006/relationships/tags" Target="../tags/tag27.xml"/><Relationship Id="rId73" Type="http://schemas.openxmlformats.org/officeDocument/2006/relationships/tags" Target="../tags/tag48.xml"/><Relationship Id="rId78" Type="http://schemas.openxmlformats.org/officeDocument/2006/relationships/tags" Target="../tags/tag53.xml"/><Relationship Id="rId94" Type="http://schemas.openxmlformats.org/officeDocument/2006/relationships/tags" Target="../tags/tag69.xml"/><Relationship Id="rId99" Type="http://schemas.openxmlformats.org/officeDocument/2006/relationships/tags" Target="../tags/tag74.xml"/><Relationship Id="rId101" Type="http://schemas.openxmlformats.org/officeDocument/2006/relationships/tags" Target="../tags/tag76.xml"/><Relationship Id="rId122" Type="http://schemas.openxmlformats.org/officeDocument/2006/relationships/tags" Target="../tags/tag97.xml"/><Relationship Id="rId143" Type="http://schemas.openxmlformats.org/officeDocument/2006/relationships/tags" Target="../tags/tag118.xml"/><Relationship Id="rId148" Type="http://schemas.openxmlformats.org/officeDocument/2006/relationships/tags" Target="../tags/tag12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heme" Target="../theme/theme1.xml"/><Relationship Id="rId47" Type="http://schemas.openxmlformats.org/officeDocument/2006/relationships/tags" Target="../tags/tag22.xml"/><Relationship Id="rId68" Type="http://schemas.openxmlformats.org/officeDocument/2006/relationships/tags" Target="../tags/tag43.xml"/><Relationship Id="rId89" Type="http://schemas.openxmlformats.org/officeDocument/2006/relationships/tags" Target="../tags/tag64.xml"/><Relationship Id="rId112" Type="http://schemas.openxmlformats.org/officeDocument/2006/relationships/tags" Target="../tags/tag87.xml"/><Relationship Id="rId133" Type="http://schemas.openxmlformats.org/officeDocument/2006/relationships/tags" Target="../tags/tag108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12.xml"/><Relationship Id="rId58" Type="http://schemas.openxmlformats.org/officeDocument/2006/relationships/tags" Target="../tags/tag33.xml"/><Relationship Id="rId79" Type="http://schemas.openxmlformats.org/officeDocument/2006/relationships/tags" Target="../tags/tag54.xml"/><Relationship Id="rId102" Type="http://schemas.openxmlformats.org/officeDocument/2006/relationships/tags" Target="../tags/tag77.xml"/><Relationship Id="rId123" Type="http://schemas.openxmlformats.org/officeDocument/2006/relationships/tags" Target="../tags/tag98.xml"/><Relationship Id="rId144" Type="http://schemas.openxmlformats.org/officeDocument/2006/relationships/tags" Target="../tags/tag119.xml"/><Relationship Id="rId90" Type="http://schemas.openxmlformats.org/officeDocument/2006/relationships/tags" Target="../tags/tag6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Arial" panose="020B0604020202020204" pitchFamily="34" charset="0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Arial" panose="020B0604020202020204" pitchFamily="34" charset="0"/>
            </a:endParaRPr>
          </a:p>
        </p:txBody>
      </p:sp>
      <p:sp>
        <p:nvSpPr>
          <p:cNvPr id="12" name="Copyright Placeholder" descr="{&quot;templafy&quot;:{&quot;id&quot;:&quot;56c8ffe4-16f7-4526-b560-b8ba74a97715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Non-Business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7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8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9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0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80" r:id="rId3"/>
    <p:sldLayoutId id="2147483775" r:id="rId4"/>
    <p:sldLayoutId id="2147483779" r:id="rId5"/>
    <p:sldLayoutId id="2147483776" r:id="rId6"/>
    <p:sldLayoutId id="2147483777" r:id="rId7"/>
    <p:sldLayoutId id="2147483741" r:id="rId8"/>
    <p:sldLayoutId id="2147483765" r:id="rId9"/>
    <p:sldLayoutId id="2147483767" r:id="rId10"/>
    <p:sldLayoutId id="2147483743" r:id="rId11"/>
    <p:sldLayoutId id="2147483774" r:id="rId12"/>
    <p:sldLayoutId id="2147483745" r:id="rId13"/>
    <p:sldLayoutId id="2147483760" r:id="rId14"/>
    <p:sldLayoutId id="2147483768" r:id="rId15"/>
    <p:sldLayoutId id="2147483769" r:id="rId16"/>
    <p:sldLayoutId id="2147483770" r:id="rId17"/>
    <p:sldLayoutId id="2147483744" r:id="rId18"/>
    <p:sldLayoutId id="2147483757" r:id="rId19"/>
    <p:sldLayoutId id="2147483771" r:id="rId20"/>
    <p:sldLayoutId id="2147483763" r:id="rId21"/>
    <p:sldLayoutId id="2147483751" r:id="rId22"/>
    <p:sldLayoutId id="2147483756" r:id="rId23"/>
    <p:sldLayoutId id="2147483740" r:id="rId24"/>
    <p:sldLayoutId id="2147483781" r:id="rId25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i="0" kern="1200" baseline="0">
          <a:solidFill>
            <a:schemeClr val="tx1"/>
          </a:solidFill>
          <a:latin typeface="Arial" panose="020B0604020202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Wingdings" pitchFamily="2" charset="2"/>
        <a:buChar char="§"/>
        <a:defRPr sz="18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5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1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1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15.png"/><Relationship Id="rId4" Type="http://schemas.openxmlformats.org/officeDocument/2006/relationships/notesSlide" Target="../notesSlides/notesSlide1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4" Type="http://schemas.openxmlformats.org/officeDocument/2006/relationships/notesSlide" Target="../notesSlides/notesSlide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"/>
          <p:cNvSpPr>
            <a:spLocks noGrp="1"/>
          </p:cNvSpPr>
          <p:nvPr>
            <p:ph type="title"/>
          </p:nvPr>
        </p:nvSpPr>
        <p:spPr>
          <a:xfrm>
            <a:off x="288000" y="2706317"/>
            <a:ext cx="10900800" cy="997196"/>
          </a:xfrm>
        </p:spPr>
        <p:txBody>
          <a:bodyPr/>
          <a:lstStyle/>
          <a:p>
            <a:r>
              <a:rPr lang="en-US" dirty="0"/>
              <a:t>Introduction to</a:t>
            </a:r>
            <a:br>
              <a:rPr lang="en-US" dirty="0"/>
            </a:br>
            <a:r>
              <a:rPr lang="en-US" dirty="0"/>
              <a:t>Explainable AI</a:t>
            </a:r>
            <a:endParaRPr lang="de-DE" dirty="0"/>
          </a:p>
        </p:txBody>
      </p:sp>
      <p:sp>
        <p:nvSpPr>
          <p:cNvPr id="5" name="TextBox 4" descr="{&quot;templafy&quot;:{&quot;id&quot;:&quot;87a1f8a6-c514-4ef1-b683-31bc072db430&quot;}}">
            <a:extLst>
              <a:ext uri="{FF2B5EF4-FFF2-40B4-BE49-F238E27FC236}">
                <a16:creationId xmlns:a16="http://schemas.microsoft.com/office/drawing/2014/main" id="{58D3C791-E38A-4E67-BE04-7BCB20009EDE}"/>
              </a:ext>
            </a:extLst>
          </p:cNvPr>
          <p:cNvSpPr txBox="1">
            <a:spLocks/>
          </p:cNvSpPr>
          <p:nvPr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Arial" panose="020B0604020202020204" pitchFamily="34" charset="0"/>
                <a:cs typeface="72" panose="020B0503030000000003" pitchFamily="34" charset="0"/>
              </a:rPr>
              <a:t>Valentin Mueller, SAP</a:t>
            </a:r>
          </a:p>
        </p:txBody>
      </p:sp>
      <p:sp>
        <p:nvSpPr>
          <p:cNvPr id="4" name="TextBox 3" descr="{&quot;templafy&quot;:{&quot;id&quot;:&quot;8d859913-5de6-4c2f-ab15-22d38617038f&quot;}}">
            <a:extLst>
              <a:ext uri="{FF2B5EF4-FFF2-40B4-BE49-F238E27FC236}">
                <a16:creationId xmlns:a16="http://schemas.microsoft.com/office/drawing/2014/main" id="{770E04EB-82A8-4066-9E84-88CC385AB17C}"/>
              </a:ext>
            </a:extLst>
          </p:cNvPr>
          <p:cNvSpPr txBox="1">
            <a:spLocks/>
          </p:cNvSpPr>
          <p:nvPr/>
        </p:nvSpPr>
        <p:spPr>
          <a:xfrm>
            <a:off x="288000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Arial" panose="020B0604020202020204" pitchFamily="34" charset="0"/>
                <a:cs typeface="72" panose="020B0503030000000003" pitchFamily="34" charset="0"/>
              </a:rPr>
              <a:t>July 30,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9BC9BBF3-F1A6-41F5-8F57-CF895223766C}"/>
              </a:ext>
            </a:extLst>
          </p:cNvPr>
          <p:cNvSpPr txBox="1"/>
          <p:nvPr/>
        </p:nvSpPr>
        <p:spPr>
          <a:xfrm>
            <a:off x="9203824" y="2928769"/>
            <a:ext cx="2504237" cy="200054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1200"/>
              </a:spcAft>
            </a:pPr>
            <a:r>
              <a:rPr lang="en-US" sz="2000" b="1" dirty="0"/>
              <a:t>XRL</a:t>
            </a:r>
          </a:p>
          <a:p>
            <a:r>
              <a:rPr lang="en-US" sz="2000" dirty="0"/>
              <a:t>Brief showcase of different techniques for explainable reinforcement learning</a:t>
            </a:r>
          </a:p>
        </p:txBody>
      </p:sp>
      <p:grpSp>
        <p:nvGrpSpPr>
          <p:cNvPr id="31" name="Group 30" descr="Number 4">
            <a:extLst>
              <a:ext uri="{FF2B5EF4-FFF2-40B4-BE49-F238E27FC236}">
                <a16:creationId xmlns:a16="http://schemas.microsoft.com/office/drawing/2014/main" id="{141B9D91-0AD7-AA4F-AF41-42111559269D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GrpSpPr>
            <a:grpSpLocks/>
          </p:cNvGrpSpPr>
          <p:nvPr/>
        </p:nvGrpSpPr>
        <p:grpSpPr>
          <a:xfrm>
            <a:off x="9203824" y="2137343"/>
            <a:ext cx="431574" cy="506017"/>
            <a:chOff x="723263" y="5368103"/>
            <a:chExt cx="431574" cy="495767"/>
          </a:xfrm>
        </p:grpSpPr>
        <p:sp>
          <p:nvSpPr>
            <p:cNvPr id="32" name="Freeform 31">
              <a:extLst>
                <a:ext uri="{FF2B5EF4-FFF2-40B4-BE49-F238E27FC236}">
                  <a16:creationId xmlns:a16="http://schemas.microsoft.com/office/drawing/2014/main" id="{666E6F0A-420E-8C43-A2F4-8F0C29382DD5}"/>
                </a:ext>
              </a:extLst>
            </p:cNvPr>
            <p:cNvSpPr/>
            <p:nvPr/>
          </p:nvSpPr>
          <p:spPr>
            <a:xfrm>
              <a:off x="729310" y="5372454"/>
              <a:ext cx="425527" cy="491416"/>
            </a:xfrm>
            <a:custGeom>
              <a:avLst/>
              <a:gdLst>
                <a:gd name="connsiteX0" fmla="*/ 425454 w 425527"/>
                <a:gd name="connsiteY0" fmla="*/ 317459 h 491416"/>
                <a:gd name="connsiteX1" fmla="*/ 335120 w 425527"/>
                <a:gd name="connsiteY1" fmla="*/ 317459 h 491416"/>
                <a:gd name="connsiteX2" fmla="*/ 335120 w 425527"/>
                <a:gd name="connsiteY2" fmla="*/ 0 h 491416"/>
                <a:gd name="connsiteX3" fmla="*/ 223586 w 425527"/>
                <a:gd name="connsiteY3" fmla="*/ 0 h 491416"/>
                <a:gd name="connsiteX4" fmla="*/ 229596 w 425527"/>
                <a:gd name="connsiteY4" fmla="*/ 4277 h 491416"/>
                <a:gd name="connsiteX5" fmla="*/ 6010 w 425527"/>
                <a:gd name="connsiteY5" fmla="*/ 320925 h 491416"/>
                <a:gd name="connsiteX6" fmla="*/ 0 w 425527"/>
                <a:gd name="connsiteY6" fmla="*/ 316648 h 491416"/>
                <a:gd name="connsiteX7" fmla="*/ 0 w 425527"/>
                <a:gd name="connsiteY7" fmla="*/ 316648 h 491416"/>
                <a:gd name="connsiteX8" fmla="*/ 0 w 425527"/>
                <a:gd name="connsiteY8" fmla="*/ 388178 h 491416"/>
                <a:gd name="connsiteX9" fmla="*/ 245561 w 425527"/>
                <a:gd name="connsiteY9" fmla="*/ 388178 h 491416"/>
                <a:gd name="connsiteX10" fmla="*/ 245561 w 425527"/>
                <a:gd name="connsiteY10" fmla="*/ 491416 h 491416"/>
                <a:gd name="connsiteX11" fmla="*/ 335157 w 425527"/>
                <a:gd name="connsiteY11" fmla="*/ 491416 h 491416"/>
                <a:gd name="connsiteX12" fmla="*/ 335157 w 425527"/>
                <a:gd name="connsiteY12" fmla="*/ 388178 h 491416"/>
                <a:gd name="connsiteX13" fmla="*/ 425528 w 425527"/>
                <a:gd name="connsiteY13" fmla="*/ 388178 h 491416"/>
                <a:gd name="connsiteX14" fmla="*/ 425528 w 425527"/>
                <a:gd name="connsiteY14" fmla="*/ 317459 h 491416"/>
                <a:gd name="connsiteX15" fmla="*/ 245524 w 425527"/>
                <a:gd name="connsiteY15" fmla="*/ 317459 h 491416"/>
                <a:gd name="connsiteX16" fmla="*/ 97376 w 425527"/>
                <a:gd name="connsiteY16" fmla="*/ 317459 h 491416"/>
                <a:gd name="connsiteX17" fmla="*/ 232988 w 425527"/>
                <a:gd name="connsiteY17" fmla="*/ 121600 h 491416"/>
                <a:gd name="connsiteX18" fmla="*/ 245524 w 425527"/>
                <a:gd name="connsiteY18" fmla="*/ 121600 h 49141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</a:cxnLst>
              <a:rect l="l" t="t" r="r" b="b"/>
              <a:pathLst>
                <a:path w="425527" h="491416">
                  <a:moveTo>
                    <a:pt x="425454" y="317459"/>
                  </a:moveTo>
                  <a:lnTo>
                    <a:pt x="335120" y="317459"/>
                  </a:lnTo>
                  <a:lnTo>
                    <a:pt x="335120" y="0"/>
                  </a:lnTo>
                  <a:lnTo>
                    <a:pt x="223586" y="0"/>
                  </a:lnTo>
                  <a:lnTo>
                    <a:pt x="229596" y="4277"/>
                  </a:lnTo>
                  <a:lnTo>
                    <a:pt x="6010" y="320925"/>
                  </a:lnTo>
                  <a:lnTo>
                    <a:pt x="0" y="316648"/>
                  </a:lnTo>
                  <a:lnTo>
                    <a:pt x="0" y="316648"/>
                  </a:lnTo>
                  <a:lnTo>
                    <a:pt x="0" y="388178"/>
                  </a:lnTo>
                  <a:lnTo>
                    <a:pt x="245561" y="388178"/>
                  </a:lnTo>
                  <a:lnTo>
                    <a:pt x="245561" y="491416"/>
                  </a:lnTo>
                  <a:lnTo>
                    <a:pt x="335157" y="491416"/>
                  </a:lnTo>
                  <a:lnTo>
                    <a:pt x="335157" y="388178"/>
                  </a:lnTo>
                  <a:lnTo>
                    <a:pt x="425528" y="388178"/>
                  </a:lnTo>
                  <a:lnTo>
                    <a:pt x="425528" y="317459"/>
                  </a:lnTo>
                  <a:close/>
                  <a:moveTo>
                    <a:pt x="245524" y="317459"/>
                  </a:moveTo>
                  <a:lnTo>
                    <a:pt x="97376" y="317459"/>
                  </a:lnTo>
                  <a:lnTo>
                    <a:pt x="232988" y="121600"/>
                  </a:lnTo>
                  <a:lnTo>
                    <a:pt x="245524" y="121600"/>
                  </a:lnTo>
                  <a:close/>
                </a:path>
              </a:pathLst>
            </a:custGeom>
            <a:solidFill>
              <a:srgbClr val="008FD3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" name="Freeform 32">
              <a:extLst>
                <a:ext uri="{FF2B5EF4-FFF2-40B4-BE49-F238E27FC236}">
                  <a16:creationId xmlns:a16="http://schemas.microsoft.com/office/drawing/2014/main" id="{51950682-7433-5A48-81D2-BACBB0BE20C5}"/>
                </a:ext>
              </a:extLst>
            </p:cNvPr>
            <p:cNvSpPr/>
            <p:nvPr/>
          </p:nvSpPr>
          <p:spPr>
            <a:xfrm>
              <a:off x="924542" y="5372454"/>
              <a:ext cx="139925" cy="152055"/>
            </a:xfrm>
            <a:custGeom>
              <a:avLst/>
              <a:gdLst>
                <a:gd name="connsiteX0" fmla="*/ 34364 w 139925"/>
                <a:gd name="connsiteY0" fmla="*/ 4277 h 152055"/>
                <a:gd name="connsiteX1" fmla="*/ 0 w 139925"/>
                <a:gd name="connsiteY1" fmla="*/ 52947 h 152055"/>
                <a:gd name="connsiteX2" fmla="*/ 139925 w 139925"/>
                <a:gd name="connsiteY2" fmla="*/ 152056 h 152055"/>
                <a:gd name="connsiteX3" fmla="*/ 139925 w 139925"/>
                <a:gd name="connsiteY3" fmla="*/ 0 h 152055"/>
                <a:gd name="connsiteX4" fmla="*/ 28354 w 139925"/>
                <a:gd name="connsiteY4" fmla="*/ 0 h 152055"/>
                <a:gd name="connsiteX5" fmla="*/ 28354 w 139925"/>
                <a:gd name="connsiteY5" fmla="*/ 0 h 152055"/>
                <a:gd name="connsiteX6" fmla="*/ 28354 w 139925"/>
                <a:gd name="connsiteY6" fmla="*/ 0 h 152055"/>
                <a:gd name="connsiteX7" fmla="*/ 34364 w 139925"/>
                <a:gd name="connsiteY7" fmla="*/ 4277 h 1520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39925" h="152055">
                  <a:moveTo>
                    <a:pt x="34364" y="4277"/>
                  </a:moveTo>
                  <a:lnTo>
                    <a:pt x="0" y="52947"/>
                  </a:lnTo>
                  <a:lnTo>
                    <a:pt x="139925" y="152056"/>
                  </a:lnTo>
                  <a:lnTo>
                    <a:pt x="139925" y="0"/>
                  </a:lnTo>
                  <a:lnTo>
                    <a:pt x="28354" y="0"/>
                  </a:lnTo>
                  <a:lnTo>
                    <a:pt x="28354" y="0"/>
                  </a:lnTo>
                  <a:lnTo>
                    <a:pt x="28354" y="0"/>
                  </a:lnTo>
                  <a:lnTo>
                    <a:pt x="34364" y="4277"/>
                  </a:lnTo>
                  <a:close/>
                </a:path>
              </a:pathLst>
            </a:custGeom>
            <a:solidFill>
              <a:srgbClr val="F0AB00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" name="Freeform 33">
              <a:extLst>
                <a:ext uri="{FF2B5EF4-FFF2-40B4-BE49-F238E27FC236}">
                  <a16:creationId xmlns:a16="http://schemas.microsoft.com/office/drawing/2014/main" id="{08040788-65B6-444A-AC59-1C9C5A76FE32}"/>
                </a:ext>
              </a:extLst>
            </p:cNvPr>
            <p:cNvSpPr/>
            <p:nvPr/>
          </p:nvSpPr>
          <p:spPr>
            <a:xfrm>
              <a:off x="847703" y="5425400"/>
              <a:ext cx="307098" cy="326603"/>
            </a:xfrm>
            <a:custGeom>
              <a:avLst/>
              <a:gdLst>
                <a:gd name="connsiteX0" fmla="*/ 216728 w 307098"/>
                <a:gd name="connsiteY0" fmla="*/ 99257 h 326603"/>
                <a:gd name="connsiteX1" fmla="*/ 216728 w 307098"/>
                <a:gd name="connsiteY1" fmla="*/ 262558 h 326603"/>
                <a:gd name="connsiteX2" fmla="*/ 127131 w 307098"/>
                <a:gd name="connsiteY2" fmla="*/ 198808 h 326603"/>
                <a:gd name="connsiteX3" fmla="*/ 127131 w 307098"/>
                <a:gd name="connsiteY3" fmla="*/ 68654 h 326603"/>
                <a:gd name="connsiteX4" fmla="*/ 114595 w 307098"/>
                <a:gd name="connsiteY4" fmla="*/ 68654 h 326603"/>
                <a:gd name="connsiteX5" fmla="*/ 58219 w 307098"/>
                <a:gd name="connsiteY5" fmla="*/ 150102 h 326603"/>
                <a:gd name="connsiteX6" fmla="*/ 0 w 307098"/>
                <a:gd name="connsiteY6" fmla="*/ 108843 h 326603"/>
                <a:gd name="connsiteX7" fmla="*/ 76839 w 307098"/>
                <a:gd name="connsiteY7" fmla="*/ 0 h 326603"/>
                <a:gd name="connsiteX8" fmla="*/ 307061 w 307098"/>
                <a:gd name="connsiteY8" fmla="*/ 264697 h 326603"/>
                <a:gd name="connsiteX9" fmla="*/ 219751 w 307098"/>
                <a:gd name="connsiteY9" fmla="*/ 264697 h 326603"/>
                <a:gd name="connsiteX10" fmla="*/ 307098 w 307098"/>
                <a:gd name="connsiteY10" fmla="*/ 326603 h 326603"/>
                <a:gd name="connsiteX11" fmla="*/ 307098 w 307098"/>
                <a:gd name="connsiteY11" fmla="*/ 264549 h 3266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07098" h="326603">
                  <a:moveTo>
                    <a:pt x="216728" y="99257"/>
                  </a:moveTo>
                  <a:lnTo>
                    <a:pt x="216728" y="262558"/>
                  </a:lnTo>
                  <a:lnTo>
                    <a:pt x="127131" y="198808"/>
                  </a:lnTo>
                  <a:lnTo>
                    <a:pt x="127131" y="68654"/>
                  </a:lnTo>
                  <a:lnTo>
                    <a:pt x="114595" y="68654"/>
                  </a:lnTo>
                  <a:lnTo>
                    <a:pt x="58219" y="150102"/>
                  </a:lnTo>
                  <a:lnTo>
                    <a:pt x="0" y="108843"/>
                  </a:lnTo>
                  <a:lnTo>
                    <a:pt x="76839" y="0"/>
                  </a:lnTo>
                  <a:close/>
                  <a:moveTo>
                    <a:pt x="307061" y="264697"/>
                  </a:moveTo>
                  <a:lnTo>
                    <a:pt x="219751" y="264697"/>
                  </a:lnTo>
                  <a:lnTo>
                    <a:pt x="307098" y="326603"/>
                  </a:lnTo>
                  <a:lnTo>
                    <a:pt x="307098" y="264549"/>
                  </a:lnTo>
                  <a:close/>
                </a:path>
              </a:pathLst>
            </a:custGeom>
            <a:solidFill>
              <a:srgbClr val="F0AB00">
                <a:alpha val="70000"/>
              </a:srgbClr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" name="Freeform 34">
              <a:extLst>
                <a:ext uri="{FF2B5EF4-FFF2-40B4-BE49-F238E27FC236}">
                  <a16:creationId xmlns:a16="http://schemas.microsoft.com/office/drawing/2014/main" id="{44BD92F8-AF98-A447-8464-46C15C8B6AF3}"/>
                </a:ext>
              </a:extLst>
            </p:cNvPr>
            <p:cNvSpPr/>
            <p:nvPr/>
          </p:nvSpPr>
          <p:spPr>
            <a:xfrm>
              <a:off x="770827" y="5534243"/>
              <a:ext cx="383974" cy="316758"/>
            </a:xfrm>
            <a:custGeom>
              <a:avLst/>
              <a:gdLst>
                <a:gd name="connsiteX0" fmla="*/ 135095 w 383974"/>
                <a:gd name="connsiteY0" fmla="*/ 41259 h 316758"/>
                <a:gd name="connsiteX1" fmla="*/ 59252 w 383974"/>
                <a:gd name="connsiteY1" fmla="*/ 150802 h 316758"/>
                <a:gd name="connsiteX2" fmla="*/ 0 w 383974"/>
                <a:gd name="connsiteY2" fmla="*/ 108843 h 316758"/>
                <a:gd name="connsiteX3" fmla="*/ 76876 w 383974"/>
                <a:gd name="connsiteY3" fmla="*/ 0 h 316758"/>
                <a:gd name="connsiteX4" fmla="*/ 293640 w 383974"/>
                <a:gd name="connsiteY4" fmla="*/ 155559 h 316758"/>
                <a:gd name="connsiteX5" fmla="*/ 293640 w 383974"/>
                <a:gd name="connsiteY5" fmla="*/ 153420 h 316758"/>
                <a:gd name="connsiteX6" fmla="*/ 204007 w 383974"/>
                <a:gd name="connsiteY6" fmla="*/ 89965 h 316758"/>
                <a:gd name="connsiteX7" fmla="*/ 204007 w 383974"/>
                <a:gd name="connsiteY7" fmla="*/ 155596 h 316758"/>
                <a:gd name="connsiteX8" fmla="*/ 66183 w 383974"/>
                <a:gd name="connsiteY8" fmla="*/ 155596 h 316758"/>
                <a:gd name="connsiteX9" fmla="*/ 166104 w 383974"/>
                <a:gd name="connsiteY9" fmla="*/ 226388 h 316758"/>
                <a:gd name="connsiteX10" fmla="*/ 204007 w 383974"/>
                <a:gd name="connsiteY10" fmla="*/ 226388 h 316758"/>
                <a:gd name="connsiteX11" fmla="*/ 204007 w 383974"/>
                <a:gd name="connsiteY11" fmla="*/ 253267 h 316758"/>
                <a:gd name="connsiteX12" fmla="*/ 293604 w 383974"/>
                <a:gd name="connsiteY12" fmla="*/ 316758 h 316758"/>
                <a:gd name="connsiteX13" fmla="*/ 293604 w 383974"/>
                <a:gd name="connsiteY13" fmla="*/ 226388 h 316758"/>
                <a:gd name="connsiteX14" fmla="*/ 383974 w 383974"/>
                <a:gd name="connsiteY14" fmla="*/ 226388 h 316758"/>
                <a:gd name="connsiteX15" fmla="*/ 383974 w 383974"/>
                <a:gd name="connsiteY15" fmla="*/ 217502 h 316758"/>
                <a:gd name="connsiteX16" fmla="*/ 296627 w 383974"/>
                <a:gd name="connsiteY16" fmla="*/ 155706 h 3167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383974" h="316758">
                  <a:moveTo>
                    <a:pt x="135095" y="41259"/>
                  </a:moveTo>
                  <a:lnTo>
                    <a:pt x="59252" y="150802"/>
                  </a:lnTo>
                  <a:lnTo>
                    <a:pt x="0" y="108843"/>
                  </a:lnTo>
                  <a:lnTo>
                    <a:pt x="76876" y="0"/>
                  </a:lnTo>
                  <a:close/>
                  <a:moveTo>
                    <a:pt x="293640" y="155559"/>
                  </a:moveTo>
                  <a:lnTo>
                    <a:pt x="293640" y="153420"/>
                  </a:lnTo>
                  <a:lnTo>
                    <a:pt x="204007" y="89965"/>
                  </a:lnTo>
                  <a:lnTo>
                    <a:pt x="204007" y="155596"/>
                  </a:lnTo>
                  <a:lnTo>
                    <a:pt x="66183" y="155596"/>
                  </a:lnTo>
                  <a:lnTo>
                    <a:pt x="166104" y="226388"/>
                  </a:lnTo>
                  <a:lnTo>
                    <a:pt x="204007" y="226388"/>
                  </a:lnTo>
                  <a:lnTo>
                    <a:pt x="204007" y="253267"/>
                  </a:lnTo>
                  <a:lnTo>
                    <a:pt x="293604" y="316758"/>
                  </a:lnTo>
                  <a:lnTo>
                    <a:pt x="293604" y="226388"/>
                  </a:lnTo>
                  <a:lnTo>
                    <a:pt x="383974" y="226388"/>
                  </a:lnTo>
                  <a:lnTo>
                    <a:pt x="383974" y="217502"/>
                  </a:lnTo>
                  <a:lnTo>
                    <a:pt x="296627" y="155706"/>
                  </a:lnTo>
                  <a:close/>
                </a:path>
              </a:pathLst>
            </a:custGeom>
            <a:solidFill>
              <a:srgbClr val="F0AB00">
                <a:alpha val="40000"/>
              </a:srgbClr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" name="Freeform 35">
              <a:extLst>
                <a:ext uri="{FF2B5EF4-FFF2-40B4-BE49-F238E27FC236}">
                  <a16:creationId xmlns:a16="http://schemas.microsoft.com/office/drawing/2014/main" id="{E317A421-BCA7-374B-9B69-8C9F5AC6AD18}"/>
                </a:ext>
              </a:extLst>
            </p:cNvPr>
            <p:cNvSpPr/>
            <p:nvPr/>
          </p:nvSpPr>
          <p:spPr>
            <a:xfrm>
              <a:off x="723263" y="5368103"/>
              <a:ext cx="431500" cy="495767"/>
            </a:xfrm>
            <a:custGeom>
              <a:avLst/>
              <a:gdLst>
                <a:gd name="connsiteX0" fmla="*/ 431501 w 431500"/>
                <a:gd name="connsiteY0" fmla="*/ 392528 h 495767"/>
                <a:gd name="connsiteX1" fmla="*/ 431501 w 431500"/>
                <a:gd name="connsiteY1" fmla="*/ 407277 h 495767"/>
                <a:gd name="connsiteX2" fmla="*/ 355915 w 431500"/>
                <a:gd name="connsiteY2" fmla="*/ 407277 h 495767"/>
                <a:gd name="connsiteX3" fmla="*/ 355915 w 431500"/>
                <a:gd name="connsiteY3" fmla="*/ 495767 h 495767"/>
                <a:gd name="connsiteX4" fmla="*/ 341167 w 431500"/>
                <a:gd name="connsiteY4" fmla="*/ 495767 h 495767"/>
                <a:gd name="connsiteX5" fmla="*/ 341167 w 431500"/>
                <a:gd name="connsiteY5" fmla="*/ 392528 h 495767"/>
                <a:gd name="connsiteX6" fmla="*/ 213667 w 431500"/>
                <a:gd name="connsiteY6" fmla="*/ 392528 h 495767"/>
                <a:gd name="connsiteX7" fmla="*/ 6047 w 431500"/>
                <a:gd name="connsiteY7" fmla="*/ 392528 h 495767"/>
                <a:gd name="connsiteX8" fmla="*/ 6047 w 431500"/>
                <a:gd name="connsiteY8" fmla="*/ 407277 h 495767"/>
                <a:gd name="connsiteX9" fmla="*/ 236822 w 431500"/>
                <a:gd name="connsiteY9" fmla="*/ 407277 h 495767"/>
                <a:gd name="connsiteX10" fmla="*/ 236822 w 431500"/>
                <a:gd name="connsiteY10" fmla="*/ 495767 h 495767"/>
                <a:gd name="connsiteX11" fmla="*/ 251571 w 431500"/>
                <a:gd name="connsiteY11" fmla="*/ 495767 h 495767"/>
                <a:gd name="connsiteX12" fmla="*/ 251571 w 431500"/>
                <a:gd name="connsiteY12" fmla="*/ 392528 h 495767"/>
                <a:gd name="connsiteX13" fmla="*/ 251571 w 431500"/>
                <a:gd name="connsiteY13" fmla="*/ 321699 h 495767"/>
                <a:gd name="connsiteX14" fmla="*/ 103423 w 431500"/>
                <a:gd name="connsiteY14" fmla="*/ 321699 h 495767"/>
                <a:gd name="connsiteX15" fmla="*/ 106815 w 431500"/>
                <a:gd name="connsiteY15" fmla="*/ 316795 h 495767"/>
                <a:gd name="connsiteX16" fmla="*/ 182659 w 431500"/>
                <a:gd name="connsiteY16" fmla="*/ 207252 h 495767"/>
                <a:gd name="connsiteX17" fmla="*/ 239035 w 431500"/>
                <a:gd name="connsiteY17" fmla="*/ 125951 h 495767"/>
                <a:gd name="connsiteX18" fmla="*/ 251571 w 431500"/>
                <a:gd name="connsiteY18" fmla="*/ 125951 h 495767"/>
                <a:gd name="connsiteX19" fmla="*/ 251571 w 431500"/>
                <a:gd name="connsiteY19" fmla="*/ 321847 h 495767"/>
                <a:gd name="connsiteX20" fmla="*/ 236822 w 431500"/>
                <a:gd name="connsiteY20" fmla="*/ 306951 h 495767"/>
                <a:gd name="connsiteX21" fmla="*/ 236822 w 431500"/>
                <a:gd name="connsiteY21" fmla="*/ 155079 h 495767"/>
                <a:gd name="connsiteX22" fmla="*/ 131592 w 431500"/>
                <a:gd name="connsiteY22" fmla="*/ 307098 h 495767"/>
                <a:gd name="connsiteX23" fmla="*/ 201279 w 431500"/>
                <a:gd name="connsiteY23" fmla="*/ 57150 h 495767"/>
                <a:gd name="connsiteX24" fmla="*/ 201279 w 431500"/>
                <a:gd name="connsiteY24" fmla="*/ 57150 h 495767"/>
                <a:gd name="connsiteX25" fmla="*/ 235642 w 431500"/>
                <a:gd name="connsiteY25" fmla="*/ 8517 h 495767"/>
                <a:gd name="connsiteX26" fmla="*/ 229632 w 431500"/>
                <a:gd name="connsiteY26" fmla="*/ 4240 h 495767"/>
                <a:gd name="connsiteX27" fmla="*/ 229632 w 431500"/>
                <a:gd name="connsiteY27" fmla="*/ 4240 h 495767"/>
                <a:gd name="connsiteX28" fmla="*/ 223622 w 431500"/>
                <a:gd name="connsiteY28" fmla="*/ 0 h 495767"/>
                <a:gd name="connsiteX29" fmla="*/ 0 w 431500"/>
                <a:gd name="connsiteY29" fmla="*/ 316758 h 495767"/>
                <a:gd name="connsiteX30" fmla="*/ 6047 w 431500"/>
                <a:gd name="connsiteY30" fmla="*/ 320999 h 495767"/>
                <a:gd name="connsiteX31" fmla="*/ 12057 w 431500"/>
                <a:gd name="connsiteY31" fmla="*/ 325276 h 495767"/>
                <a:gd name="connsiteX32" fmla="*/ 47564 w 431500"/>
                <a:gd name="connsiteY32" fmla="*/ 274984 h 495767"/>
                <a:gd name="connsiteX33" fmla="*/ 124440 w 431500"/>
                <a:gd name="connsiteY33" fmla="*/ 166141 h 495767"/>
                <a:gd name="connsiteX34" fmla="*/ 341167 w 431500"/>
                <a:gd name="connsiteY34" fmla="*/ 156554 h 495767"/>
                <a:gd name="connsiteX35" fmla="*/ 341167 w 431500"/>
                <a:gd name="connsiteY35" fmla="*/ 321994 h 495767"/>
                <a:gd name="connsiteX36" fmla="*/ 431501 w 431500"/>
                <a:gd name="connsiteY36" fmla="*/ 321994 h 495767"/>
                <a:gd name="connsiteX37" fmla="*/ 431501 w 431500"/>
                <a:gd name="connsiteY37" fmla="*/ 307246 h 495767"/>
                <a:gd name="connsiteX38" fmla="*/ 355915 w 431500"/>
                <a:gd name="connsiteY38" fmla="*/ 307246 h 495767"/>
                <a:gd name="connsiteX39" fmla="*/ 355915 w 431500"/>
                <a:gd name="connsiteY39" fmla="*/ 4351 h 495767"/>
                <a:gd name="connsiteX40" fmla="*/ 341167 w 431500"/>
                <a:gd name="connsiteY40" fmla="*/ 4351 h 495767"/>
                <a:gd name="connsiteX41" fmla="*/ 341167 w 431500"/>
                <a:gd name="connsiteY41" fmla="*/ 156554 h 495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</a:cxnLst>
              <a:rect l="l" t="t" r="r" b="b"/>
              <a:pathLst>
                <a:path w="431500" h="495767">
                  <a:moveTo>
                    <a:pt x="431501" y="392528"/>
                  </a:moveTo>
                  <a:lnTo>
                    <a:pt x="431501" y="407277"/>
                  </a:lnTo>
                  <a:lnTo>
                    <a:pt x="355915" y="407277"/>
                  </a:lnTo>
                  <a:lnTo>
                    <a:pt x="355915" y="495767"/>
                  </a:lnTo>
                  <a:lnTo>
                    <a:pt x="341167" y="495767"/>
                  </a:lnTo>
                  <a:lnTo>
                    <a:pt x="341167" y="392528"/>
                  </a:lnTo>
                  <a:close/>
                  <a:moveTo>
                    <a:pt x="213667" y="392528"/>
                  </a:moveTo>
                  <a:lnTo>
                    <a:pt x="6047" y="392528"/>
                  </a:lnTo>
                  <a:lnTo>
                    <a:pt x="6047" y="407277"/>
                  </a:lnTo>
                  <a:lnTo>
                    <a:pt x="236822" y="407277"/>
                  </a:lnTo>
                  <a:lnTo>
                    <a:pt x="236822" y="495767"/>
                  </a:lnTo>
                  <a:lnTo>
                    <a:pt x="251571" y="495767"/>
                  </a:lnTo>
                  <a:lnTo>
                    <a:pt x="251571" y="392528"/>
                  </a:lnTo>
                  <a:close/>
                  <a:moveTo>
                    <a:pt x="251571" y="321699"/>
                  </a:moveTo>
                  <a:lnTo>
                    <a:pt x="103423" y="321699"/>
                  </a:lnTo>
                  <a:lnTo>
                    <a:pt x="106815" y="316795"/>
                  </a:lnTo>
                  <a:lnTo>
                    <a:pt x="182659" y="207252"/>
                  </a:lnTo>
                  <a:lnTo>
                    <a:pt x="239035" y="125951"/>
                  </a:lnTo>
                  <a:lnTo>
                    <a:pt x="251571" y="125951"/>
                  </a:lnTo>
                  <a:lnTo>
                    <a:pt x="251571" y="321847"/>
                  </a:lnTo>
                  <a:close/>
                  <a:moveTo>
                    <a:pt x="236822" y="306951"/>
                  </a:moveTo>
                  <a:lnTo>
                    <a:pt x="236822" y="155079"/>
                  </a:lnTo>
                  <a:lnTo>
                    <a:pt x="131592" y="307098"/>
                  </a:lnTo>
                  <a:close/>
                  <a:moveTo>
                    <a:pt x="201279" y="57150"/>
                  </a:moveTo>
                  <a:lnTo>
                    <a:pt x="201279" y="57150"/>
                  </a:lnTo>
                  <a:lnTo>
                    <a:pt x="235642" y="8517"/>
                  </a:lnTo>
                  <a:lnTo>
                    <a:pt x="229632" y="4240"/>
                  </a:lnTo>
                  <a:lnTo>
                    <a:pt x="229632" y="4240"/>
                  </a:lnTo>
                  <a:lnTo>
                    <a:pt x="223622" y="0"/>
                  </a:lnTo>
                  <a:lnTo>
                    <a:pt x="0" y="316758"/>
                  </a:lnTo>
                  <a:lnTo>
                    <a:pt x="6047" y="320999"/>
                  </a:lnTo>
                  <a:lnTo>
                    <a:pt x="12057" y="325276"/>
                  </a:lnTo>
                  <a:lnTo>
                    <a:pt x="47564" y="274984"/>
                  </a:lnTo>
                  <a:lnTo>
                    <a:pt x="124440" y="166141"/>
                  </a:lnTo>
                  <a:close/>
                  <a:moveTo>
                    <a:pt x="341167" y="156554"/>
                  </a:moveTo>
                  <a:lnTo>
                    <a:pt x="341167" y="321994"/>
                  </a:lnTo>
                  <a:lnTo>
                    <a:pt x="431501" y="321994"/>
                  </a:lnTo>
                  <a:lnTo>
                    <a:pt x="431501" y="307246"/>
                  </a:lnTo>
                  <a:lnTo>
                    <a:pt x="355915" y="307246"/>
                  </a:lnTo>
                  <a:lnTo>
                    <a:pt x="355915" y="4351"/>
                  </a:lnTo>
                  <a:lnTo>
                    <a:pt x="341167" y="4351"/>
                  </a:lnTo>
                  <a:lnTo>
                    <a:pt x="341167" y="156554"/>
                  </a:lnTo>
                  <a:close/>
                </a:path>
              </a:pathLst>
            </a:custGeom>
            <a:solidFill>
              <a:schemeClr val="tx1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11" name="TextBox 10">
            <a:extLst>
              <a:ext uri="{FF2B5EF4-FFF2-40B4-BE49-F238E27FC236}">
                <a16:creationId xmlns:a16="http://schemas.microsoft.com/office/drawing/2014/main" id="{B5894613-26A6-491A-A3A9-98C4343FB147}"/>
              </a:ext>
            </a:extLst>
          </p:cNvPr>
          <p:cNvSpPr txBox="1"/>
          <p:nvPr/>
        </p:nvSpPr>
        <p:spPr>
          <a:xfrm>
            <a:off x="6308864" y="2928770"/>
            <a:ext cx="2485886" cy="16927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1200"/>
              </a:spcAft>
            </a:pPr>
            <a:r>
              <a:rPr lang="en-US" sz="2000" b="1" dirty="0"/>
              <a:t>Sensitivity Analysis</a:t>
            </a:r>
          </a:p>
          <a:p>
            <a:pPr fontAlgn="base"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000" dirty="0"/>
              <a:t>Powerful, statistical technique for models making numerical predictions</a:t>
            </a:r>
            <a:endParaRPr lang="en-US" sz="2000" dirty="0">
              <a:latin typeface="Arial" panose="020B0604020202020204" pitchFamily="34" charset="0"/>
            </a:endParaRPr>
          </a:p>
        </p:txBody>
      </p:sp>
      <p:grpSp>
        <p:nvGrpSpPr>
          <p:cNvPr id="25" name="Group 24" descr="Number 3">
            <a:extLst>
              <a:ext uri="{FF2B5EF4-FFF2-40B4-BE49-F238E27FC236}">
                <a16:creationId xmlns:a16="http://schemas.microsoft.com/office/drawing/2014/main" id="{A827DCD2-B609-8544-BA6B-427B20A2CC22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GrpSpPr>
            <a:grpSpLocks/>
          </p:cNvGrpSpPr>
          <p:nvPr/>
        </p:nvGrpSpPr>
        <p:grpSpPr>
          <a:xfrm>
            <a:off x="6308864" y="2137343"/>
            <a:ext cx="398334" cy="506017"/>
            <a:chOff x="744907" y="4074634"/>
            <a:chExt cx="398334" cy="518377"/>
          </a:xfrm>
        </p:grpSpPr>
        <p:sp>
          <p:nvSpPr>
            <p:cNvPr id="26" name="Freeform 25">
              <a:extLst>
                <a:ext uri="{FF2B5EF4-FFF2-40B4-BE49-F238E27FC236}">
                  <a16:creationId xmlns:a16="http://schemas.microsoft.com/office/drawing/2014/main" id="{C5BE0930-6650-C94A-863D-ABE33424B65E}"/>
                </a:ext>
              </a:extLst>
            </p:cNvPr>
            <p:cNvSpPr/>
            <p:nvPr/>
          </p:nvSpPr>
          <p:spPr>
            <a:xfrm>
              <a:off x="765481" y="4074634"/>
              <a:ext cx="363123" cy="503650"/>
            </a:xfrm>
            <a:custGeom>
              <a:avLst/>
              <a:gdLst>
                <a:gd name="connsiteX0" fmla="*/ 337222 w 363123"/>
                <a:gd name="connsiteY0" fmla="*/ 288692 h 503650"/>
                <a:gd name="connsiteX1" fmla="*/ 278228 w 363123"/>
                <a:gd name="connsiteY1" fmla="*/ 253222 h 503650"/>
                <a:gd name="connsiteX2" fmla="*/ 278228 w 363123"/>
                <a:gd name="connsiteY2" fmla="*/ 253222 h 503650"/>
                <a:gd name="connsiteX3" fmla="*/ 259793 w 363123"/>
                <a:gd name="connsiteY3" fmla="*/ 249056 h 503650"/>
                <a:gd name="connsiteX4" fmla="*/ 222000 w 363123"/>
                <a:gd name="connsiteY4" fmla="*/ 242566 h 503650"/>
                <a:gd name="connsiteX5" fmla="*/ 259498 w 363123"/>
                <a:gd name="connsiteY5" fmla="*/ 234565 h 503650"/>
                <a:gd name="connsiteX6" fmla="*/ 278376 w 363123"/>
                <a:gd name="connsiteY6" fmla="*/ 229293 h 503650"/>
                <a:gd name="connsiteX7" fmla="*/ 278376 w 363123"/>
                <a:gd name="connsiteY7" fmla="*/ 229293 h 503650"/>
                <a:gd name="connsiteX8" fmla="*/ 278376 w 363123"/>
                <a:gd name="connsiteY8" fmla="*/ 229293 h 503650"/>
                <a:gd name="connsiteX9" fmla="*/ 278376 w 363123"/>
                <a:gd name="connsiteY9" fmla="*/ 229293 h 503650"/>
                <a:gd name="connsiteX10" fmla="*/ 327045 w 363123"/>
                <a:gd name="connsiteY10" fmla="*/ 196588 h 503650"/>
                <a:gd name="connsiteX11" fmla="*/ 349905 w 363123"/>
                <a:gd name="connsiteY11" fmla="*/ 127492 h 503650"/>
                <a:gd name="connsiteX12" fmla="*/ 310343 w 363123"/>
                <a:gd name="connsiteY12" fmla="*/ 40255 h 503650"/>
                <a:gd name="connsiteX13" fmla="*/ 318934 w 363123"/>
                <a:gd name="connsiteY13" fmla="*/ 29194 h 503650"/>
                <a:gd name="connsiteX14" fmla="*/ 319266 w 363123"/>
                <a:gd name="connsiteY14" fmla="*/ 28604 h 503650"/>
                <a:gd name="connsiteX15" fmla="*/ 278486 w 363123"/>
                <a:gd name="connsiteY15" fmla="*/ 11754 h 503650"/>
                <a:gd name="connsiteX16" fmla="*/ 278486 w 363123"/>
                <a:gd name="connsiteY16" fmla="*/ 11754 h 503650"/>
                <a:gd name="connsiteX17" fmla="*/ 180668 w 363123"/>
                <a:gd name="connsiteY17" fmla="*/ 213 h 503650"/>
                <a:gd name="connsiteX18" fmla="*/ 179451 w 363123"/>
                <a:gd name="connsiteY18" fmla="*/ 213 h 503650"/>
                <a:gd name="connsiteX19" fmla="*/ 168095 w 363123"/>
                <a:gd name="connsiteY19" fmla="*/ 656 h 503650"/>
                <a:gd name="connsiteX20" fmla="*/ 88490 w 363123"/>
                <a:gd name="connsiteY20" fmla="*/ 12160 h 503650"/>
                <a:gd name="connsiteX21" fmla="*/ 93431 w 363123"/>
                <a:gd name="connsiteY21" fmla="*/ 26023 h 503650"/>
                <a:gd name="connsiteX22" fmla="*/ 82775 w 363123"/>
                <a:gd name="connsiteY22" fmla="*/ 30042 h 503650"/>
                <a:gd name="connsiteX23" fmla="*/ 19615 w 363123"/>
                <a:gd name="connsiteY23" fmla="*/ 68867 h 503650"/>
                <a:gd name="connsiteX24" fmla="*/ 68986 w 363123"/>
                <a:gd name="connsiteY24" fmla="*/ 125833 h 503650"/>
                <a:gd name="connsiteX25" fmla="*/ 82738 w 363123"/>
                <a:gd name="connsiteY25" fmla="*/ 114514 h 503650"/>
                <a:gd name="connsiteX26" fmla="*/ 121232 w 363123"/>
                <a:gd name="connsiteY26" fmla="*/ 92907 h 503650"/>
                <a:gd name="connsiteX27" fmla="*/ 179230 w 363123"/>
                <a:gd name="connsiteY27" fmla="*/ 81846 h 503650"/>
                <a:gd name="connsiteX28" fmla="*/ 180668 w 363123"/>
                <a:gd name="connsiteY28" fmla="*/ 81846 h 503650"/>
                <a:gd name="connsiteX29" fmla="*/ 239956 w 363123"/>
                <a:gd name="connsiteY29" fmla="*/ 98917 h 503650"/>
                <a:gd name="connsiteX30" fmla="*/ 257765 w 363123"/>
                <a:gd name="connsiteY30" fmla="*/ 144084 h 503650"/>
                <a:gd name="connsiteX31" fmla="*/ 253857 w 363123"/>
                <a:gd name="connsiteY31" fmla="*/ 169894 h 503650"/>
                <a:gd name="connsiteX32" fmla="*/ 235864 w 363123"/>
                <a:gd name="connsiteY32" fmla="*/ 193454 h 503650"/>
                <a:gd name="connsiteX33" fmla="*/ 201205 w 363123"/>
                <a:gd name="connsiteY33" fmla="*/ 208203 h 503650"/>
                <a:gd name="connsiteX34" fmla="*/ 180668 w 363123"/>
                <a:gd name="connsiteY34" fmla="*/ 211890 h 503650"/>
                <a:gd name="connsiteX35" fmla="*/ 145050 w 363123"/>
                <a:gd name="connsiteY35" fmla="*/ 213807 h 503650"/>
                <a:gd name="connsiteX36" fmla="*/ 118466 w 363123"/>
                <a:gd name="connsiteY36" fmla="*/ 213807 h 503650"/>
                <a:gd name="connsiteX37" fmla="*/ 118466 w 363123"/>
                <a:gd name="connsiteY37" fmla="*/ 276820 h 503650"/>
                <a:gd name="connsiteX38" fmla="*/ 143096 w 363123"/>
                <a:gd name="connsiteY38" fmla="*/ 276820 h 503650"/>
                <a:gd name="connsiteX39" fmla="*/ 180668 w 363123"/>
                <a:gd name="connsiteY39" fmla="*/ 278737 h 503650"/>
                <a:gd name="connsiteX40" fmla="*/ 234389 w 363123"/>
                <a:gd name="connsiteY40" fmla="*/ 293485 h 503650"/>
                <a:gd name="connsiteX41" fmla="*/ 267794 w 363123"/>
                <a:gd name="connsiteY41" fmla="*/ 357014 h 503650"/>
                <a:gd name="connsiteX42" fmla="*/ 243901 w 363123"/>
                <a:gd name="connsiteY42" fmla="*/ 413353 h 503650"/>
                <a:gd name="connsiteX43" fmla="*/ 180668 w 363123"/>
                <a:gd name="connsiteY43" fmla="*/ 432452 h 503650"/>
                <a:gd name="connsiteX44" fmla="*/ 176169 w 363123"/>
                <a:gd name="connsiteY44" fmla="*/ 432452 h 503650"/>
                <a:gd name="connsiteX45" fmla="*/ 176169 w 363123"/>
                <a:gd name="connsiteY45" fmla="*/ 417703 h 503650"/>
                <a:gd name="connsiteX46" fmla="*/ 93579 w 363123"/>
                <a:gd name="connsiteY46" fmla="*/ 391931 h 503650"/>
                <a:gd name="connsiteX47" fmla="*/ 90887 w 363123"/>
                <a:gd name="connsiteY47" fmla="*/ 390050 h 503650"/>
                <a:gd name="connsiteX48" fmla="*/ 89449 w 363123"/>
                <a:gd name="connsiteY48" fmla="*/ 388981 h 503650"/>
                <a:gd name="connsiteX49" fmla="*/ 82738 w 363123"/>
                <a:gd name="connsiteY49" fmla="*/ 383782 h 503650"/>
                <a:gd name="connsiteX50" fmla="*/ 66147 w 363123"/>
                <a:gd name="connsiteY50" fmla="*/ 367448 h 503650"/>
                <a:gd name="connsiteX51" fmla="*/ 66147 w 363123"/>
                <a:gd name="connsiteY51" fmla="*/ 367448 h 503650"/>
                <a:gd name="connsiteX52" fmla="*/ 66478 w 363123"/>
                <a:gd name="connsiteY52" fmla="*/ 367817 h 503650"/>
                <a:gd name="connsiteX53" fmla="*/ 60763 w 363123"/>
                <a:gd name="connsiteY53" fmla="*/ 372942 h 503650"/>
                <a:gd name="connsiteX54" fmla="*/ 0 w 363123"/>
                <a:gd name="connsiteY54" fmla="*/ 427732 h 503650"/>
                <a:gd name="connsiteX55" fmla="*/ 73963 w 363123"/>
                <a:gd name="connsiteY55" fmla="*/ 483039 h 503650"/>
                <a:gd name="connsiteX56" fmla="*/ 82849 w 363123"/>
                <a:gd name="connsiteY56" fmla="*/ 486726 h 503650"/>
                <a:gd name="connsiteX57" fmla="*/ 180668 w 363123"/>
                <a:gd name="connsiteY57" fmla="*/ 503613 h 503650"/>
                <a:gd name="connsiteX58" fmla="*/ 180668 w 363123"/>
                <a:gd name="connsiteY58" fmla="*/ 503613 h 503650"/>
                <a:gd name="connsiteX59" fmla="*/ 256991 w 363123"/>
                <a:gd name="connsiteY59" fmla="*/ 493842 h 503650"/>
                <a:gd name="connsiteX60" fmla="*/ 278376 w 363123"/>
                <a:gd name="connsiteY60" fmla="*/ 486468 h 503650"/>
                <a:gd name="connsiteX61" fmla="*/ 278376 w 363123"/>
                <a:gd name="connsiteY61" fmla="*/ 486468 h 503650"/>
                <a:gd name="connsiteX62" fmla="*/ 314288 w 363123"/>
                <a:gd name="connsiteY62" fmla="*/ 466152 h 503650"/>
                <a:gd name="connsiteX63" fmla="*/ 350274 w 363123"/>
                <a:gd name="connsiteY63" fmla="*/ 422423 h 503650"/>
                <a:gd name="connsiteX64" fmla="*/ 363105 w 363123"/>
                <a:gd name="connsiteY64" fmla="*/ 363724 h 503650"/>
                <a:gd name="connsiteX65" fmla="*/ 337222 w 363123"/>
                <a:gd name="connsiteY65" fmla="*/ 288692 h 5036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</a:cxnLst>
              <a:rect l="l" t="t" r="r" b="b"/>
              <a:pathLst>
                <a:path w="363123" h="503650">
                  <a:moveTo>
                    <a:pt x="337222" y="288692"/>
                  </a:moveTo>
                  <a:cubicBezTo>
                    <a:pt x="323322" y="272174"/>
                    <a:pt x="303559" y="260264"/>
                    <a:pt x="278228" y="253222"/>
                  </a:cubicBezTo>
                  <a:lnTo>
                    <a:pt x="278228" y="253222"/>
                  </a:lnTo>
                  <a:cubicBezTo>
                    <a:pt x="272159" y="251511"/>
                    <a:pt x="266006" y="250121"/>
                    <a:pt x="259793" y="249056"/>
                  </a:cubicBezTo>
                  <a:lnTo>
                    <a:pt x="222000" y="242566"/>
                  </a:lnTo>
                  <a:lnTo>
                    <a:pt x="259498" y="234565"/>
                  </a:lnTo>
                  <a:cubicBezTo>
                    <a:pt x="265895" y="233212"/>
                    <a:pt x="272204" y="231453"/>
                    <a:pt x="278376" y="229293"/>
                  </a:cubicBezTo>
                  <a:lnTo>
                    <a:pt x="278376" y="229293"/>
                  </a:lnTo>
                  <a:lnTo>
                    <a:pt x="278376" y="229293"/>
                  </a:lnTo>
                  <a:lnTo>
                    <a:pt x="278376" y="229293"/>
                  </a:lnTo>
                  <a:cubicBezTo>
                    <a:pt x="297390" y="223261"/>
                    <a:pt x="314277" y="211912"/>
                    <a:pt x="327045" y="196588"/>
                  </a:cubicBezTo>
                  <a:cubicBezTo>
                    <a:pt x="342469" y="176914"/>
                    <a:pt x="350554" y="152482"/>
                    <a:pt x="349905" y="127492"/>
                  </a:cubicBezTo>
                  <a:cubicBezTo>
                    <a:pt x="349905" y="89294"/>
                    <a:pt x="336964" y="60756"/>
                    <a:pt x="310343" y="40255"/>
                  </a:cubicBezTo>
                  <a:lnTo>
                    <a:pt x="318934" y="29194"/>
                  </a:lnTo>
                  <a:lnTo>
                    <a:pt x="319266" y="28604"/>
                  </a:lnTo>
                  <a:cubicBezTo>
                    <a:pt x="306335" y="21500"/>
                    <a:pt x="292660" y="15849"/>
                    <a:pt x="278486" y="11754"/>
                  </a:cubicBezTo>
                  <a:lnTo>
                    <a:pt x="278486" y="11754"/>
                  </a:lnTo>
                  <a:cubicBezTo>
                    <a:pt x="246667" y="2902"/>
                    <a:pt x="213675" y="-990"/>
                    <a:pt x="180668" y="213"/>
                  </a:cubicBezTo>
                  <a:lnTo>
                    <a:pt x="179451" y="213"/>
                  </a:lnTo>
                  <a:cubicBezTo>
                    <a:pt x="175543" y="213"/>
                    <a:pt x="171745" y="472"/>
                    <a:pt x="168095" y="656"/>
                  </a:cubicBezTo>
                  <a:cubicBezTo>
                    <a:pt x="141267" y="2093"/>
                    <a:pt x="114624" y="5943"/>
                    <a:pt x="88490" y="12160"/>
                  </a:cubicBezTo>
                  <a:lnTo>
                    <a:pt x="93431" y="26023"/>
                  </a:lnTo>
                  <a:cubicBezTo>
                    <a:pt x="89744" y="27277"/>
                    <a:pt x="86278" y="28641"/>
                    <a:pt x="82775" y="30042"/>
                  </a:cubicBezTo>
                  <a:cubicBezTo>
                    <a:pt x="59610" y="39183"/>
                    <a:pt x="38231" y="52325"/>
                    <a:pt x="19615" y="68867"/>
                  </a:cubicBezTo>
                  <a:lnTo>
                    <a:pt x="68986" y="125833"/>
                  </a:lnTo>
                  <a:cubicBezTo>
                    <a:pt x="73521" y="121740"/>
                    <a:pt x="78130" y="117979"/>
                    <a:pt x="82738" y="114514"/>
                  </a:cubicBezTo>
                  <a:cubicBezTo>
                    <a:pt x="94463" y="105497"/>
                    <a:pt x="107427" y="98220"/>
                    <a:pt x="121232" y="92907"/>
                  </a:cubicBezTo>
                  <a:cubicBezTo>
                    <a:pt x="139756" y="85810"/>
                    <a:pt x="159393" y="82064"/>
                    <a:pt x="179230" y="81846"/>
                  </a:cubicBezTo>
                  <a:lnTo>
                    <a:pt x="180668" y="81846"/>
                  </a:lnTo>
                  <a:cubicBezTo>
                    <a:pt x="208800" y="81846"/>
                    <a:pt x="228194" y="87598"/>
                    <a:pt x="239956" y="98917"/>
                  </a:cubicBezTo>
                  <a:cubicBezTo>
                    <a:pt x="251958" y="110814"/>
                    <a:pt x="258418" y="127199"/>
                    <a:pt x="257765" y="144084"/>
                  </a:cubicBezTo>
                  <a:cubicBezTo>
                    <a:pt x="257776" y="152835"/>
                    <a:pt x="256456" y="161537"/>
                    <a:pt x="253857" y="169894"/>
                  </a:cubicBezTo>
                  <a:cubicBezTo>
                    <a:pt x="250634" y="179524"/>
                    <a:pt x="244307" y="187809"/>
                    <a:pt x="235864" y="193454"/>
                  </a:cubicBezTo>
                  <a:cubicBezTo>
                    <a:pt x="225278" y="200393"/>
                    <a:pt x="213542" y="205386"/>
                    <a:pt x="201205" y="208203"/>
                  </a:cubicBezTo>
                  <a:cubicBezTo>
                    <a:pt x="194450" y="209895"/>
                    <a:pt x="187588" y="211126"/>
                    <a:pt x="180668" y="211890"/>
                  </a:cubicBezTo>
                  <a:cubicBezTo>
                    <a:pt x="168843" y="213232"/>
                    <a:pt x="156949" y="213873"/>
                    <a:pt x="145050" y="213807"/>
                  </a:cubicBezTo>
                  <a:lnTo>
                    <a:pt x="118466" y="213807"/>
                  </a:lnTo>
                  <a:lnTo>
                    <a:pt x="118466" y="276820"/>
                  </a:lnTo>
                  <a:lnTo>
                    <a:pt x="143096" y="276820"/>
                  </a:lnTo>
                  <a:cubicBezTo>
                    <a:pt x="155647" y="276772"/>
                    <a:pt x="168187" y="277409"/>
                    <a:pt x="180668" y="278737"/>
                  </a:cubicBezTo>
                  <a:cubicBezTo>
                    <a:pt x="202790" y="281207"/>
                    <a:pt x="220562" y="286111"/>
                    <a:pt x="234389" y="293485"/>
                  </a:cubicBezTo>
                  <a:cubicBezTo>
                    <a:pt x="256511" y="305321"/>
                    <a:pt x="267794" y="326669"/>
                    <a:pt x="267794" y="357014"/>
                  </a:cubicBezTo>
                  <a:cubicBezTo>
                    <a:pt x="267794" y="381275"/>
                    <a:pt x="259756" y="400263"/>
                    <a:pt x="243901" y="413353"/>
                  </a:cubicBezTo>
                  <a:cubicBezTo>
                    <a:pt x="229153" y="425446"/>
                    <a:pt x="207952" y="431788"/>
                    <a:pt x="180668" y="432452"/>
                  </a:cubicBezTo>
                  <a:cubicBezTo>
                    <a:pt x="179156" y="432452"/>
                    <a:pt x="177718" y="432452"/>
                    <a:pt x="176169" y="432452"/>
                  </a:cubicBezTo>
                  <a:lnTo>
                    <a:pt x="176169" y="417703"/>
                  </a:lnTo>
                  <a:cubicBezTo>
                    <a:pt x="146710" y="417394"/>
                    <a:pt x="117987" y="408430"/>
                    <a:pt x="93579" y="391931"/>
                  </a:cubicBezTo>
                  <a:lnTo>
                    <a:pt x="90887" y="390050"/>
                  </a:lnTo>
                  <a:lnTo>
                    <a:pt x="89449" y="388981"/>
                  </a:lnTo>
                  <a:cubicBezTo>
                    <a:pt x="87015" y="387211"/>
                    <a:pt x="84803" y="385478"/>
                    <a:pt x="82738" y="383782"/>
                  </a:cubicBezTo>
                  <a:cubicBezTo>
                    <a:pt x="76666" y="378915"/>
                    <a:pt x="71107" y="373444"/>
                    <a:pt x="66147" y="367448"/>
                  </a:cubicBezTo>
                  <a:lnTo>
                    <a:pt x="66147" y="367448"/>
                  </a:lnTo>
                  <a:lnTo>
                    <a:pt x="66478" y="367817"/>
                  </a:lnTo>
                  <a:lnTo>
                    <a:pt x="60763" y="372942"/>
                  </a:lnTo>
                  <a:lnTo>
                    <a:pt x="0" y="427732"/>
                  </a:lnTo>
                  <a:cubicBezTo>
                    <a:pt x="20392" y="451271"/>
                    <a:pt x="45620" y="470134"/>
                    <a:pt x="73963" y="483039"/>
                  </a:cubicBezTo>
                  <a:cubicBezTo>
                    <a:pt x="76876" y="484366"/>
                    <a:pt x="79863" y="485546"/>
                    <a:pt x="82849" y="486726"/>
                  </a:cubicBezTo>
                  <a:cubicBezTo>
                    <a:pt x="114105" y="498447"/>
                    <a:pt x="147292" y="504177"/>
                    <a:pt x="180668" y="503613"/>
                  </a:cubicBezTo>
                  <a:lnTo>
                    <a:pt x="180668" y="503613"/>
                  </a:lnTo>
                  <a:cubicBezTo>
                    <a:pt x="206437" y="503897"/>
                    <a:pt x="232121" y="500608"/>
                    <a:pt x="256991" y="493842"/>
                  </a:cubicBezTo>
                  <a:cubicBezTo>
                    <a:pt x="264254" y="491796"/>
                    <a:pt x="271396" y="489333"/>
                    <a:pt x="278376" y="486468"/>
                  </a:cubicBezTo>
                  <a:lnTo>
                    <a:pt x="278376" y="486468"/>
                  </a:lnTo>
                  <a:cubicBezTo>
                    <a:pt x="291200" y="481328"/>
                    <a:pt x="303278" y="474496"/>
                    <a:pt x="314288" y="466152"/>
                  </a:cubicBezTo>
                  <a:cubicBezTo>
                    <a:pt x="329468" y="454519"/>
                    <a:pt x="341779" y="439561"/>
                    <a:pt x="350274" y="422423"/>
                  </a:cubicBezTo>
                  <a:cubicBezTo>
                    <a:pt x="359053" y="404120"/>
                    <a:pt x="363445" y="384022"/>
                    <a:pt x="363105" y="363724"/>
                  </a:cubicBezTo>
                  <a:cubicBezTo>
                    <a:pt x="363032" y="334412"/>
                    <a:pt x="354367" y="309229"/>
                    <a:pt x="337222" y="288692"/>
                  </a:cubicBezTo>
                  <a:close/>
                </a:path>
              </a:pathLst>
            </a:custGeom>
            <a:solidFill>
              <a:srgbClr val="008FD3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" name="Freeform 26">
              <a:extLst>
                <a:ext uri="{FF2B5EF4-FFF2-40B4-BE49-F238E27FC236}">
                  <a16:creationId xmlns:a16="http://schemas.microsoft.com/office/drawing/2014/main" id="{E82E05E6-F251-4A4B-8BDD-CB10065B1396}"/>
                </a:ext>
              </a:extLst>
            </p:cNvPr>
            <p:cNvSpPr/>
            <p:nvPr/>
          </p:nvSpPr>
          <p:spPr>
            <a:xfrm>
              <a:off x="1043709" y="4086499"/>
              <a:ext cx="84823" cy="474603"/>
            </a:xfrm>
            <a:custGeom>
              <a:avLst/>
              <a:gdLst>
                <a:gd name="connsiteX0" fmla="*/ 35912 w 84823"/>
                <a:gd name="connsiteY0" fmla="*/ 454287 h 474603"/>
                <a:gd name="connsiteX1" fmla="*/ 0 w 84823"/>
                <a:gd name="connsiteY1" fmla="*/ 474603 h 474603"/>
                <a:gd name="connsiteX2" fmla="*/ 0 w 84823"/>
                <a:gd name="connsiteY2" fmla="*/ 241468 h 474603"/>
                <a:gd name="connsiteX3" fmla="*/ 58994 w 84823"/>
                <a:gd name="connsiteY3" fmla="*/ 276938 h 474603"/>
                <a:gd name="connsiteX4" fmla="*/ 84803 w 84823"/>
                <a:gd name="connsiteY4" fmla="*/ 351860 h 474603"/>
                <a:gd name="connsiteX5" fmla="*/ 72046 w 84823"/>
                <a:gd name="connsiteY5" fmla="*/ 410558 h 474603"/>
                <a:gd name="connsiteX6" fmla="*/ 35912 w 84823"/>
                <a:gd name="connsiteY6" fmla="*/ 454287 h 474603"/>
                <a:gd name="connsiteX7" fmla="*/ 48670 w 84823"/>
                <a:gd name="connsiteY7" fmla="*/ 184834 h 474603"/>
                <a:gd name="connsiteX8" fmla="*/ 71530 w 84823"/>
                <a:gd name="connsiteY8" fmla="*/ 115738 h 474603"/>
                <a:gd name="connsiteX9" fmla="*/ 31967 w 84823"/>
                <a:gd name="connsiteY9" fmla="*/ 28501 h 474603"/>
                <a:gd name="connsiteX10" fmla="*/ 40558 w 84823"/>
                <a:gd name="connsiteY10" fmla="*/ 17440 h 474603"/>
                <a:gd name="connsiteX11" fmla="*/ 40890 w 84823"/>
                <a:gd name="connsiteY11" fmla="*/ 16850 h 474603"/>
                <a:gd name="connsiteX12" fmla="*/ 111 w 84823"/>
                <a:gd name="connsiteY12" fmla="*/ 0 h 474603"/>
                <a:gd name="connsiteX13" fmla="*/ 111 w 84823"/>
                <a:gd name="connsiteY13" fmla="*/ 0 h 474603"/>
                <a:gd name="connsiteX14" fmla="*/ 111 w 84823"/>
                <a:gd name="connsiteY14" fmla="*/ 217539 h 474603"/>
                <a:gd name="connsiteX15" fmla="*/ 48670 w 84823"/>
                <a:gd name="connsiteY15" fmla="*/ 184834 h 4746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84823" h="474603">
                  <a:moveTo>
                    <a:pt x="35912" y="454287"/>
                  </a:moveTo>
                  <a:cubicBezTo>
                    <a:pt x="24903" y="462631"/>
                    <a:pt x="12824" y="469463"/>
                    <a:pt x="0" y="474603"/>
                  </a:cubicBezTo>
                  <a:lnTo>
                    <a:pt x="0" y="241468"/>
                  </a:lnTo>
                  <a:cubicBezTo>
                    <a:pt x="25330" y="248510"/>
                    <a:pt x="45093" y="260420"/>
                    <a:pt x="58994" y="276938"/>
                  </a:cubicBezTo>
                  <a:cubicBezTo>
                    <a:pt x="76139" y="297364"/>
                    <a:pt x="84803" y="322547"/>
                    <a:pt x="84803" y="351860"/>
                  </a:cubicBezTo>
                  <a:cubicBezTo>
                    <a:pt x="85165" y="372150"/>
                    <a:pt x="80799" y="392248"/>
                    <a:pt x="72046" y="410558"/>
                  </a:cubicBezTo>
                  <a:cubicBezTo>
                    <a:pt x="63510" y="427711"/>
                    <a:pt x="51147" y="442669"/>
                    <a:pt x="35912" y="454287"/>
                  </a:cubicBezTo>
                  <a:close/>
                  <a:moveTo>
                    <a:pt x="48670" y="184834"/>
                  </a:moveTo>
                  <a:cubicBezTo>
                    <a:pt x="64093" y="165160"/>
                    <a:pt x="72179" y="140728"/>
                    <a:pt x="71530" y="115738"/>
                  </a:cubicBezTo>
                  <a:cubicBezTo>
                    <a:pt x="71530" y="77540"/>
                    <a:pt x="58588" y="49002"/>
                    <a:pt x="31967" y="28501"/>
                  </a:cubicBezTo>
                  <a:lnTo>
                    <a:pt x="40558" y="17440"/>
                  </a:lnTo>
                  <a:lnTo>
                    <a:pt x="40890" y="16850"/>
                  </a:lnTo>
                  <a:cubicBezTo>
                    <a:pt x="27959" y="9746"/>
                    <a:pt x="14284" y="4095"/>
                    <a:pt x="111" y="0"/>
                  </a:cubicBezTo>
                  <a:lnTo>
                    <a:pt x="111" y="0"/>
                  </a:lnTo>
                  <a:lnTo>
                    <a:pt x="111" y="217539"/>
                  </a:lnTo>
                  <a:cubicBezTo>
                    <a:pt x="19084" y="211488"/>
                    <a:pt x="35931" y="200143"/>
                    <a:pt x="48670" y="184834"/>
                  </a:cubicBezTo>
                  <a:close/>
                </a:path>
              </a:pathLst>
            </a:custGeom>
            <a:solidFill>
              <a:srgbClr val="F0AB00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" name="Freeform 27">
              <a:extLst>
                <a:ext uri="{FF2B5EF4-FFF2-40B4-BE49-F238E27FC236}">
                  <a16:creationId xmlns:a16="http://schemas.microsoft.com/office/drawing/2014/main" id="{A61D78CB-7136-D045-AB70-87A0712015A2}"/>
                </a:ext>
              </a:extLst>
            </p:cNvPr>
            <p:cNvSpPr/>
            <p:nvPr/>
          </p:nvSpPr>
          <p:spPr>
            <a:xfrm>
              <a:off x="946149" y="4074634"/>
              <a:ext cx="97708" cy="503777"/>
            </a:xfrm>
            <a:custGeom>
              <a:avLst/>
              <a:gdLst>
                <a:gd name="connsiteX0" fmla="*/ 97561 w 97708"/>
                <a:gd name="connsiteY0" fmla="*/ 253333 h 503777"/>
                <a:gd name="connsiteX1" fmla="*/ 79125 w 97708"/>
                <a:gd name="connsiteY1" fmla="*/ 249167 h 503777"/>
                <a:gd name="connsiteX2" fmla="*/ 41332 w 97708"/>
                <a:gd name="connsiteY2" fmla="*/ 242678 h 503777"/>
                <a:gd name="connsiteX3" fmla="*/ 78830 w 97708"/>
                <a:gd name="connsiteY3" fmla="*/ 234677 h 503777"/>
                <a:gd name="connsiteX4" fmla="*/ 97708 w 97708"/>
                <a:gd name="connsiteY4" fmla="*/ 229404 h 503777"/>
                <a:gd name="connsiteX5" fmla="*/ 97708 w 97708"/>
                <a:gd name="connsiteY5" fmla="*/ 19793 h 503777"/>
                <a:gd name="connsiteX6" fmla="*/ 97708 w 97708"/>
                <a:gd name="connsiteY6" fmla="*/ 19793 h 503777"/>
                <a:gd name="connsiteX7" fmla="*/ 97708 w 97708"/>
                <a:gd name="connsiteY7" fmla="*/ 11718 h 503777"/>
                <a:gd name="connsiteX8" fmla="*/ 0 w 97708"/>
                <a:gd name="connsiteY8" fmla="*/ 214 h 503777"/>
                <a:gd name="connsiteX9" fmla="*/ 0 w 97708"/>
                <a:gd name="connsiteY9" fmla="*/ 82215 h 503777"/>
                <a:gd name="connsiteX10" fmla="*/ 59289 w 97708"/>
                <a:gd name="connsiteY10" fmla="*/ 99286 h 503777"/>
                <a:gd name="connsiteX11" fmla="*/ 77097 w 97708"/>
                <a:gd name="connsiteY11" fmla="*/ 144453 h 503777"/>
                <a:gd name="connsiteX12" fmla="*/ 73189 w 97708"/>
                <a:gd name="connsiteY12" fmla="*/ 170263 h 503777"/>
                <a:gd name="connsiteX13" fmla="*/ 55196 w 97708"/>
                <a:gd name="connsiteY13" fmla="*/ 193824 h 503777"/>
                <a:gd name="connsiteX14" fmla="*/ 20537 w 97708"/>
                <a:gd name="connsiteY14" fmla="*/ 208572 h 503777"/>
                <a:gd name="connsiteX15" fmla="*/ 0 w 97708"/>
                <a:gd name="connsiteY15" fmla="*/ 212259 h 503777"/>
                <a:gd name="connsiteX16" fmla="*/ 0 w 97708"/>
                <a:gd name="connsiteY16" fmla="*/ 279106 h 503777"/>
                <a:gd name="connsiteX17" fmla="*/ 53721 w 97708"/>
                <a:gd name="connsiteY17" fmla="*/ 293855 h 503777"/>
                <a:gd name="connsiteX18" fmla="*/ 87126 w 97708"/>
                <a:gd name="connsiteY18" fmla="*/ 357383 h 503777"/>
                <a:gd name="connsiteX19" fmla="*/ 63234 w 97708"/>
                <a:gd name="connsiteY19" fmla="*/ 413722 h 503777"/>
                <a:gd name="connsiteX20" fmla="*/ 0 w 97708"/>
                <a:gd name="connsiteY20" fmla="*/ 432821 h 503777"/>
                <a:gd name="connsiteX21" fmla="*/ 0 w 97708"/>
                <a:gd name="connsiteY21" fmla="*/ 503761 h 503777"/>
                <a:gd name="connsiteX22" fmla="*/ 0 w 97708"/>
                <a:gd name="connsiteY22" fmla="*/ 503761 h 503777"/>
                <a:gd name="connsiteX23" fmla="*/ 76323 w 97708"/>
                <a:gd name="connsiteY23" fmla="*/ 493990 h 503777"/>
                <a:gd name="connsiteX24" fmla="*/ 97708 w 97708"/>
                <a:gd name="connsiteY24" fmla="*/ 486616 h 503777"/>
                <a:gd name="connsiteX25" fmla="*/ 97708 w 97708"/>
                <a:gd name="connsiteY25" fmla="*/ 253333 h 5037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97708" h="503777">
                  <a:moveTo>
                    <a:pt x="97561" y="253333"/>
                  </a:moveTo>
                  <a:cubicBezTo>
                    <a:pt x="91492" y="251623"/>
                    <a:pt x="85338" y="250233"/>
                    <a:pt x="79125" y="249167"/>
                  </a:cubicBezTo>
                  <a:lnTo>
                    <a:pt x="41332" y="242678"/>
                  </a:lnTo>
                  <a:lnTo>
                    <a:pt x="78830" y="234677"/>
                  </a:lnTo>
                  <a:cubicBezTo>
                    <a:pt x="85227" y="233323"/>
                    <a:pt x="91536" y="231565"/>
                    <a:pt x="97708" y="229404"/>
                  </a:cubicBezTo>
                  <a:lnTo>
                    <a:pt x="97708" y="19793"/>
                  </a:lnTo>
                  <a:lnTo>
                    <a:pt x="97708" y="19793"/>
                  </a:lnTo>
                  <a:lnTo>
                    <a:pt x="97708" y="11718"/>
                  </a:lnTo>
                  <a:cubicBezTo>
                    <a:pt x="65922" y="2890"/>
                    <a:pt x="32966" y="-990"/>
                    <a:pt x="0" y="214"/>
                  </a:cubicBezTo>
                  <a:lnTo>
                    <a:pt x="0" y="82215"/>
                  </a:lnTo>
                  <a:cubicBezTo>
                    <a:pt x="28133" y="82215"/>
                    <a:pt x="47527" y="87967"/>
                    <a:pt x="59289" y="99286"/>
                  </a:cubicBezTo>
                  <a:cubicBezTo>
                    <a:pt x="71290" y="111183"/>
                    <a:pt x="77750" y="127568"/>
                    <a:pt x="77097" y="144453"/>
                  </a:cubicBezTo>
                  <a:cubicBezTo>
                    <a:pt x="77108" y="153205"/>
                    <a:pt x="75788" y="161907"/>
                    <a:pt x="73189" y="170263"/>
                  </a:cubicBezTo>
                  <a:cubicBezTo>
                    <a:pt x="69966" y="179894"/>
                    <a:pt x="63639" y="188179"/>
                    <a:pt x="55196" y="193824"/>
                  </a:cubicBezTo>
                  <a:cubicBezTo>
                    <a:pt x="44610" y="200763"/>
                    <a:pt x="32874" y="205755"/>
                    <a:pt x="20537" y="208572"/>
                  </a:cubicBezTo>
                  <a:cubicBezTo>
                    <a:pt x="13782" y="210264"/>
                    <a:pt x="6921" y="211496"/>
                    <a:pt x="0" y="212259"/>
                  </a:cubicBezTo>
                  <a:lnTo>
                    <a:pt x="0" y="279106"/>
                  </a:lnTo>
                  <a:cubicBezTo>
                    <a:pt x="22123" y="281577"/>
                    <a:pt x="39894" y="286480"/>
                    <a:pt x="53721" y="293855"/>
                  </a:cubicBezTo>
                  <a:cubicBezTo>
                    <a:pt x="75844" y="305690"/>
                    <a:pt x="87126" y="327038"/>
                    <a:pt x="87126" y="357383"/>
                  </a:cubicBezTo>
                  <a:cubicBezTo>
                    <a:pt x="87126" y="381644"/>
                    <a:pt x="79088" y="400633"/>
                    <a:pt x="63234" y="413722"/>
                  </a:cubicBezTo>
                  <a:cubicBezTo>
                    <a:pt x="48485" y="425816"/>
                    <a:pt x="27284" y="432158"/>
                    <a:pt x="0" y="432821"/>
                  </a:cubicBezTo>
                  <a:lnTo>
                    <a:pt x="0" y="503761"/>
                  </a:lnTo>
                  <a:lnTo>
                    <a:pt x="0" y="503761"/>
                  </a:lnTo>
                  <a:cubicBezTo>
                    <a:pt x="25769" y="504045"/>
                    <a:pt x="51453" y="500756"/>
                    <a:pt x="76323" y="493990"/>
                  </a:cubicBezTo>
                  <a:cubicBezTo>
                    <a:pt x="83586" y="491944"/>
                    <a:pt x="90728" y="489481"/>
                    <a:pt x="97708" y="486616"/>
                  </a:cubicBezTo>
                  <a:lnTo>
                    <a:pt x="97708" y="253333"/>
                  </a:lnTo>
                  <a:close/>
                </a:path>
              </a:pathLst>
            </a:custGeom>
            <a:solidFill>
              <a:srgbClr val="F0AB00">
                <a:alpha val="70000"/>
              </a:srgbClr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9" name="Freeform 28">
              <a:extLst>
                <a:ext uri="{FF2B5EF4-FFF2-40B4-BE49-F238E27FC236}">
                  <a16:creationId xmlns:a16="http://schemas.microsoft.com/office/drawing/2014/main" id="{D02E8095-FE8C-874F-B87E-D83A6915EF39}"/>
                </a:ext>
              </a:extLst>
            </p:cNvPr>
            <p:cNvSpPr/>
            <p:nvPr/>
          </p:nvSpPr>
          <p:spPr>
            <a:xfrm>
              <a:off x="848219" y="4074885"/>
              <a:ext cx="97929" cy="503400"/>
            </a:xfrm>
            <a:custGeom>
              <a:avLst/>
              <a:gdLst>
                <a:gd name="connsiteX0" fmla="*/ 97929 w 97929"/>
                <a:gd name="connsiteY0" fmla="*/ 211897 h 503400"/>
                <a:gd name="connsiteX1" fmla="*/ 97929 w 97929"/>
                <a:gd name="connsiteY1" fmla="*/ 278745 h 503400"/>
                <a:gd name="connsiteX2" fmla="*/ 60358 w 97929"/>
                <a:gd name="connsiteY2" fmla="*/ 276827 h 503400"/>
                <a:gd name="connsiteX3" fmla="*/ 35728 w 97929"/>
                <a:gd name="connsiteY3" fmla="*/ 276827 h 503400"/>
                <a:gd name="connsiteX4" fmla="*/ 35728 w 97929"/>
                <a:gd name="connsiteY4" fmla="*/ 213815 h 503400"/>
                <a:gd name="connsiteX5" fmla="*/ 62312 w 97929"/>
                <a:gd name="connsiteY5" fmla="*/ 213815 h 503400"/>
                <a:gd name="connsiteX6" fmla="*/ 97929 w 97929"/>
                <a:gd name="connsiteY6" fmla="*/ 211897 h 503400"/>
                <a:gd name="connsiteX7" fmla="*/ 97929 w 97929"/>
                <a:gd name="connsiteY7" fmla="*/ 432423 h 503400"/>
                <a:gd name="connsiteX8" fmla="*/ 93431 w 97929"/>
                <a:gd name="connsiteY8" fmla="*/ 432423 h 503400"/>
                <a:gd name="connsiteX9" fmla="*/ 93431 w 97929"/>
                <a:gd name="connsiteY9" fmla="*/ 417674 h 503400"/>
                <a:gd name="connsiteX10" fmla="*/ 10840 w 97929"/>
                <a:gd name="connsiteY10" fmla="*/ 391680 h 503400"/>
                <a:gd name="connsiteX11" fmla="*/ 8148 w 97929"/>
                <a:gd name="connsiteY11" fmla="*/ 389800 h 503400"/>
                <a:gd name="connsiteX12" fmla="*/ 6711 w 97929"/>
                <a:gd name="connsiteY12" fmla="*/ 388731 h 503400"/>
                <a:gd name="connsiteX13" fmla="*/ 0 w 97929"/>
                <a:gd name="connsiteY13" fmla="*/ 383532 h 503400"/>
                <a:gd name="connsiteX14" fmla="*/ 0 w 97929"/>
                <a:gd name="connsiteY14" fmla="*/ 486439 h 503400"/>
                <a:gd name="connsiteX15" fmla="*/ 97929 w 97929"/>
                <a:gd name="connsiteY15" fmla="*/ 503362 h 503400"/>
                <a:gd name="connsiteX16" fmla="*/ 10656 w 97929"/>
                <a:gd name="connsiteY16" fmla="*/ 25773 h 503400"/>
                <a:gd name="connsiteX17" fmla="*/ 5752 w 97929"/>
                <a:gd name="connsiteY17" fmla="*/ 11909 h 503400"/>
                <a:gd name="connsiteX18" fmla="*/ 85209 w 97929"/>
                <a:gd name="connsiteY18" fmla="*/ 442 h 503400"/>
                <a:gd name="connsiteX19" fmla="*/ 96565 w 97929"/>
                <a:gd name="connsiteY19" fmla="*/ 0 h 503400"/>
                <a:gd name="connsiteX20" fmla="*/ 97929 w 97929"/>
                <a:gd name="connsiteY20" fmla="*/ 0 h 503400"/>
                <a:gd name="connsiteX21" fmla="*/ 97929 w 97929"/>
                <a:gd name="connsiteY21" fmla="*/ 81964 h 503400"/>
                <a:gd name="connsiteX22" fmla="*/ 96676 w 97929"/>
                <a:gd name="connsiteY22" fmla="*/ 81964 h 503400"/>
                <a:gd name="connsiteX23" fmla="*/ 38678 w 97929"/>
                <a:gd name="connsiteY23" fmla="*/ 93025 h 503400"/>
                <a:gd name="connsiteX24" fmla="*/ 184 w 97929"/>
                <a:gd name="connsiteY24" fmla="*/ 114632 h 503400"/>
                <a:gd name="connsiteX25" fmla="*/ 184 w 97929"/>
                <a:gd name="connsiteY25" fmla="*/ 29792 h 503400"/>
                <a:gd name="connsiteX26" fmla="*/ 10656 w 97929"/>
                <a:gd name="connsiteY26" fmla="*/ 25773 h 5034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</a:cxnLst>
              <a:rect l="l" t="t" r="r" b="b"/>
              <a:pathLst>
                <a:path w="97929" h="503400">
                  <a:moveTo>
                    <a:pt x="97929" y="211897"/>
                  </a:moveTo>
                  <a:lnTo>
                    <a:pt x="97929" y="278745"/>
                  </a:lnTo>
                  <a:cubicBezTo>
                    <a:pt x="85448" y="277417"/>
                    <a:pt x="72909" y="276779"/>
                    <a:pt x="60358" y="276827"/>
                  </a:cubicBezTo>
                  <a:lnTo>
                    <a:pt x="35728" y="276827"/>
                  </a:lnTo>
                  <a:lnTo>
                    <a:pt x="35728" y="213815"/>
                  </a:lnTo>
                  <a:lnTo>
                    <a:pt x="62312" y="213815"/>
                  </a:lnTo>
                  <a:cubicBezTo>
                    <a:pt x="74210" y="213881"/>
                    <a:pt x="86105" y="213240"/>
                    <a:pt x="97929" y="211897"/>
                  </a:cubicBezTo>
                  <a:close/>
                  <a:moveTo>
                    <a:pt x="97929" y="432423"/>
                  </a:moveTo>
                  <a:cubicBezTo>
                    <a:pt x="96418" y="432423"/>
                    <a:pt x="94980" y="432423"/>
                    <a:pt x="93431" y="432423"/>
                  </a:cubicBezTo>
                  <a:lnTo>
                    <a:pt x="93431" y="417674"/>
                  </a:lnTo>
                  <a:cubicBezTo>
                    <a:pt x="63945" y="417298"/>
                    <a:pt x="35223" y="408261"/>
                    <a:pt x="10840" y="391680"/>
                  </a:cubicBezTo>
                  <a:lnTo>
                    <a:pt x="8148" y="389800"/>
                  </a:lnTo>
                  <a:lnTo>
                    <a:pt x="6711" y="388731"/>
                  </a:lnTo>
                  <a:cubicBezTo>
                    <a:pt x="4277" y="386961"/>
                    <a:pt x="2065" y="385228"/>
                    <a:pt x="0" y="383532"/>
                  </a:cubicBezTo>
                  <a:lnTo>
                    <a:pt x="0" y="486439"/>
                  </a:lnTo>
                  <a:cubicBezTo>
                    <a:pt x="31289" y="498186"/>
                    <a:pt x="64513" y="503930"/>
                    <a:pt x="97929" y="503362"/>
                  </a:cubicBezTo>
                  <a:close/>
                  <a:moveTo>
                    <a:pt x="10656" y="25773"/>
                  </a:moveTo>
                  <a:lnTo>
                    <a:pt x="5752" y="11909"/>
                  </a:lnTo>
                  <a:cubicBezTo>
                    <a:pt x="31842" y="5714"/>
                    <a:pt x="58433" y="1876"/>
                    <a:pt x="85209" y="442"/>
                  </a:cubicBezTo>
                  <a:cubicBezTo>
                    <a:pt x="88896" y="442"/>
                    <a:pt x="92583" y="111"/>
                    <a:pt x="96565" y="0"/>
                  </a:cubicBezTo>
                  <a:lnTo>
                    <a:pt x="97929" y="0"/>
                  </a:lnTo>
                  <a:lnTo>
                    <a:pt x="97929" y="81964"/>
                  </a:lnTo>
                  <a:lnTo>
                    <a:pt x="96676" y="81964"/>
                  </a:lnTo>
                  <a:cubicBezTo>
                    <a:pt x="76839" y="82182"/>
                    <a:pt x="57202" y="85928"/>
                    <a:pt x="38678" y="93025"/>
                  </a:cubicBezTo>
                  <a:cubicBezTo>
                    <a:pt x="24873" y="98338"/>
                    <a:pt x="11909" y="105615"/>
                    <a:pt x="184" y="114632"/>
                  </a:cubicBezTo>
                  <a:lnTo>
                    <a:pt x="184" y="29792"/>
                  </a:lnTo>
                  <a:cubicBezTo>
                    <a:pt x="3503" y="28391"/>
                    <a:pt x="7042" y="27026"/>
                    <a:pt x="10656" y="25773"/>
                  </a:cubicBezTo>
                  <a:close/>
                </a:path>
              </a:pathLst>
            </a:custGeom>
            <a:solidFill>
              <a:srgbClr val="F0AB00">
                <a:alpha val="40000"/>
              </a:srgbClr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0" name="Freeform 29">
              <a:extLst>
                <a:ext uri="{FF2B5EF4-FFF2-40B4-BE49-F238E27FC236}">
                  <a16:creationId xmlns:a16="http://schemas.microsoft.com/office/drawing/2014/main" id="{C3A032C4-757A-B049-8720-2D8E6D756CC3}"/>
                </a:ext>
              </a:extLst>
            </p:cNvPr>
            <p:cNvSpPr/>
            <p:nvPr/>
          </p:nvSpPr>
          <p:spPr>
            <a:xfrm>
              <a:off x="744907" y="4086794"/>
              <a:ext cx="398334" cy="506217"/>
            </a:xfrm>
            <a:custGeom>
              <a:avLst/>
              <a:gdLst>
                <a:gd name="connsiteX0" fmla="*/ 221595 w 398334"/>
                <a:gd name="connsiteY0" fmla="*/ 196264 h 506217"/>
                <a:gd name="connsiteX1" fmla="*/ 201057 w 398334"/>
                <a:gd name="connsiteY1" fmla="*/ 199951 h 506217"/>
                <a:gd name="connsiteX2" fmla="*/ 165440 w 398334"/>
                <a:gd name="connsiteY2" fmla="*/ 201869 h 506217"/>
                <a:gd name="connsiteX3" fmla="*/ 138856 w 398334"/>
                <a:gd name="connsiteY3" fmla="*/ 201869 h 506217"/>
                <a:gd name="connsiteX4" fmla="*/ 138856 w 398334"/>
                <a:gd name="connsiteY4" fmla="*/ 187120 h 506217"/>
                <a:gd name="connsiteX5" fmla="*/ 165440 w 398334"/>
                <a:gd name="connsiteY5" fmla="*/ 187120 h 506217"/>
                <a:gd name="connsiteX6" fmla="*/ 217871 w 398334"/>
                <a:gd name="connsiteY6" fmla="*/ 181958 h 506217"/>
                <a:gd name="connsiteX7" fmla="*/ 247699 w 398334"/>
                <a:gd name="connsiteY7" fmla="*/ 169606 h 506217"/>
                <a:gd name="connsiteX8" fmla="*/ 260235 w 398334"/>
                <a:gd name="connsiteY8" fmla="*/ 153457 h 506217"/>
                <a:gd name="connsiteX9" fmla="*/ 263480 w 398334"/>
                <a:gd name="connsiteY9" fmla="*/ 132109 h 506217"/>
                <a:gd name="connsiteX10" fmla="*/ 250170 w 398334"/>
                <a:gd name="connsiteY10" fmla="*/ 97561 h 506217"/>
                <a:gd name="connsiteX11" fmla="*/ 199878 w 398334"/>
                <a:gd name="connsiteY11" fmla="*/ 84582 h 506217"/>
                <a:gd name="connsiteX12" fmla="*/ 147005 w 398334"/>
                <a:gd name="connsiteY12" fmla="*/ 94574 h 506217"/>
                <a:gd name="connsiteX13" fmla="*/ 94132 w 398334"/>
                <a:gd name="connsiteY13" fmla="*/ 129601 h 506217"/>
                <a:gd name="connsiteX14" fmla="*/ 88564 w 398334"/>
                <a:gd name="connsiteY14" fmla="*/ 134985 h 506217"/>
                <a:gd name="connsiteX15" fmla="*/ 19837 w 398334"/>
                <a:gd name="connsiteY15" fmla="*/ 55712 h 506217"/>
                <a:gd name="connsiteX16" fmla="*/ 24851 w 398334"/>
                <a:gd name="connsiteY16" fmla="*/ 50882 h 506217"/>
                <a:gd name="connsiteX17" fmla="*/ 108548 w 398334"/>
                <a:gd name="connsiteY17" fmla="*/ 0 h 506217"/>
                <a:gd name="connsiteX18" fmla="*/ 108548 w 398334"/>
                <a:gd name="connsiteY18" fmla="*/ 0 h 506217"/>
                <a:gd name="connsiteX19" fmla="*/ 108917 w 398334"/>
                <a:gd name="connsiteY19" fmla="*/ 0 h 506217"/>
                <a:gd name="connsiteX20" fmla="*/ 108917 w 398334"/>
                <a:gd name="connsiteY20" fmla="*/ 0 h 506217"/>
                <a:gd name="connsiteX21" fmla="*/ 113858 w 398334"/>
                <a:gd name="connsiteY21" fmla="*/ 13863 h 506217"/>
                <a:gd name="connsiteX22" fmla="*/ 103202 w 398334"/>
                <a:gd name="connsiteY22" fmla="*/ 17882 h 506217"/>
                <a:gd name="connsiteX23" fmla="*/ 40189 w 398334"/>
                <a:gd name="connsiteY23" fmla="*/ 56708 h 506217"/>
                <a:gd name="connsiteX24" fmla="*/ 89560 w 398334"/>
                <a:gd name="connsiteY24" fmla="*/ 113673 h 506217"/>
                <a:gd name="connsiteX25" fmla="*/ 103312 w 398334"/>
                <a:gd name="connsiteY25" fmla="*/ 102354 h 506217"/>
                <a:gd name="connsiteX26" fmla="*/ 141806 w 398334"/>
                <a:gd name="connsiteY26" fmla="*/ 80747 h 506217"/>
                <a:gd name="connsiteX27" fmla="*/ 199804 w 398334"/>
                <a:gd name="connsiteY27" fmla="*/ 69686 h 506217"/>
                <a:gd name="connsiteX28" fmla="*/ 201242 w 398334"/>
                <a:gd name="connsiteY28" fmla="*/ 69686 h 506217"/>
                <a:gd name="connsiteX29" fmla="*/ 260530 w 398334"/>
                <a:gd name="connsiteY29" fmla="*/ 86757 h 506217"/>
                <a:gd name="connsiteX30" fmla="*/ 278339 w 398334"/>
                <a:gd name="connsiteY30" fmla="*/ 131924 h 506217"/>
                <a:gd name="connsiteX31" fmla="*/ 274431 w 398334"/>
                <a:gd name="connsiteY31" fmla="*/ 157734 h 506217"/>
                <a:gd name="connsiteX32" fmla="*/ 256438 w 398334"/>
                <a:gd name="connsiteY32" fmla="*/ 181295 h 506217"/>
                <a:gd name="connsiteX33" fmla="*/ 221595 w 398334"/>
                <a:gd name="connsiteY33" fmla="*/ 196264 h 506217"/>
                <a:gd name="connsiteX34" fmla="*/ 369078 w 398334"/>
                <a:gd name="connsiteY34" fmla="*/ 267167 h 506217"/>
                <a:gd name="connsiteX35" fmla="*/ 309679 w 398334"/>
                <a:gd name="connsiteY35" fmla="*/ 229006 h 506217"/>
                <a:gd name="connsiteX36" fmla="*/ 358976 w 398334"/>
                <a:gd name="connsiteY36" fmla="*/ 193757 h 506217"/>
                <a:gd name="connsiteX37" fmla="*/ 385080 w 398334"/>
                <a:gd name="connsiteY37" fmla="*/ 115443 h 506217"/>
                <a:gd name="connsiteX38" fmla="*/ 339766 w 398334"/>
                <a:gd name="connsiteY38" fmla="*/ 16518 h 506217"/>
                <a:gd name="connsiteX39" fmla="*/ 339360 w 398334"/>
                <a:gd name="connsiteY39" fmla="*/ 17034 h 506217"/>
                <a:gd name="connsiteX40" fmla="*/ 339360 w 398334"/>
                <a:gd name="connsiteY40" fmla="*/ 17034 h 506217"/>
                <a:gd name="connsiteX41" fmla="*/ 330769 w 398334"/>
                <a:gd name="connsiteY41" fmla="*/ 28096 h 506217"/>
                <a:gd name="connsiteX42" fmla="*/ 370332 w 398334"/>
                <a:gd name="connsiteY42" fmla="*/ 115332 h 506217"/>
                <a:gd name="connsiteX43" fmla="*/ 347472 w 398334"/>
                <a:gd name="connsiteY43" fmla="*/ 184429 h 506217"/>
                <a:gd name="connsiteX44" fmla="*/ 298802 w 398334"/>
                <a:gd name="connsiteY44" fmla="*/ 217133 h 506217"/>
                <a:gd name="connsiteX45" fmla="*/ 298802 w 398334"/>
                <a:gd name="connsiteY45" fmla="*/ 217133 h 506217"/>
                <a:gd name="connsiteX46" fmla="*/ 279924 w 398334"/>
                <a:gd name="connsiteY46" fmla="*/ 222406 h 506217"/>
                <a:gd name="connsiteX47" fmla="*/ 242427 w 398334"/>
                <a:gd name="connsiteY47" fmla="*/ 230407 h 506217"/>
                <a:gd name="connsiteX48" fmla="*/ 280219 w 398334"/>
                <a:gd name="connsiteY48" fmla="*/ 236896 h 506217"/>
                <a:gd name="connsiteX49" fmla="*/ 298655 w 398334"/>
                <a:gd name="connsiteY49" fmla="*/ 241062 h 506217"/>
                <a:gd name="connsiteX50" fmla="*/ 298655 w 398334"/>
                <a:gd name="connsiteY50" fmla="*/ 241062 h 506217"/>
                <a:gd name="connsiteX51" fmla="*/ 357648 w 398334"/>
                <a:gd name="connsiteY51" fmla="*/ 276532 h 506217"/>
                <a:gd name="connsiteX52" fmla="*/ 383458 w 398334"/>
                <a:gd name="connsiteY52" fmla="*/ 351454 h 506217"/>
                <a:gd name="connsiteX53" fmla="*/ 370848 w 398334"/>
                <a:gd name="connsiteY53" fmla="*/ 410263 h 506217"/>
                <a:gd name="connsiteX54" fmla="*/ 334788 w 398334"/>
                <a:gd name="connsiteY54" fmla="*/ 453992 h 506217"/>
                <a:gd name="connsiteX55" fmla="*/ 298876 w 398334"/>
                <a:gd name="connsiteY55" fmla="*/ 474308 h 506217"/>
                <a:gd name="connsiteX56" fmla="*/ 298876 w 398334"/>
                <a:gd name="connsiteY56" fmla="*/ 474308 h 506217"/>
                <a:gd name="connsiteX57" fmla="*/ 277491 w 398334"/>
                <a:gd name="connsiteY57" fmla="*/ 481682 h 506217"/>
                <a:gd name="connsiteX58" fmla="*/ 201168 w 398334"/>
                <a:gd name="connsiteY58" fmla="*/ 491453 h 506217"/>
                <a:gd name="connsiteX59" fmla="*/ 201168 w 398334"/>
                <a:gd name="connsiteY59" fmla="*/ 491453 h 506217"/>
                <a:gd name="connsiteX60" fmla="*/ 103423 w 398334"/>
                <a:gd name="connsiteY60" fmla="*/ 474640 h 506217"/>
                <a:gd name="connsiteX61" fmla="*/ 94537 w 398334"/>
                <a:gd name="connsiteY61" fmla="*/ 470953 h 506217"/>
                <a:gd name="connsiteX62" fmla="*/ 20574 w 398334"/>
                <a:gd name="connsiteY62" fmla="*/ 415646 h 506217"/>
                <a:gd name="connsiteX63" fmla="*/ 81264 w 398334"/>
                <a:gd name="connsiteY63" fmla="*/ 360967 h 506217"/>
                <a:gd name="connsiteX64" fmla="*/ 86942 w 398334"/>
                <a:gd name="connsiteY64" fmla="*/ 355842 h 506217"/>
                <a:gd name="connsiteX65" fmla="*/ 86610 w 398334"/>
                <a:gd name="connsiteY65" fmla="*/ 355473 h 506217"/>
                <a:gd name="connsiteX66" fmla="*/ 77060 w 398334"/>
                <a:gd name="connsiteY66" fmla="*/ 344891 h 506217"/>
                <a:gd name="connsiteX67" fmla="*/ 0 w 398334"/>
                <a:gd name="connsiteY67" fmla="*/ 414135 h 506217"/>
                <a:gd name="connsiteX68" fmla="*/ 4498 w 398334"/>
                <a:gd name="connsiteY68" fmla="*/ 419592 h 506217"/>
                <a:gd name="connsiteX69" fmla="*/ 88343 w 398334"/>
                <a:gd name="connsiteY69" fmla="*/ 484411 h 506217"/>
                <a:gd name="connsiteX70" fmla="*/ 201057 w 398334"/>
                <a:gd name="connsiteY70" fmla="*/ 506202 h 506217"/>
                <a:gd name="connsiteX71" fmla="*/ 281436 w 398334"/>
                <a:gd name="connsiteY71" fmla="*/ 495878 h 506217"/>
                <a:gd name="connsiteX72" fmla="*/ 343711 w 398334"/>
                <a:gd name="connsiteY72" fmla="*/ 465643 h 506217"/>
                <a:gd name="connsiteX73" fmla="*/ 383937 w 398334"/>
                <a:gd name="connsiteY73" fmla="*/ 416826 h 506217"/>
                <a:gd name="connsiteX74" fmla="*/ 398317 w 398334"/>
                <a:gd name="connsiteY74" fmla="*/ 351565 h 506217"/>
                <a:gd name="connsiteX75" fmla="*/ 369078 w 398334"/>
                <a:gd name="connsiteY75" fmla="*/ 267167 h 506217"/>
                <a:gd name="connsiteX76" fmla="*/ 288184 w 398334"/>
                <a:gd name="connsiteY76" fmla="*/ 345075 h 506217"/>
                <a:gd name="connsiteX77" fmla="*/ 254778 w 398334"/>
                <a:gd name="connsiteY77" fmla="*/ 281547 h 506217"/>
                <a:gd name="connsiteX78" fmla="*/ 201057 w 398334"/>
                <a:gd name="connsiteY78" fmla="*/ 266798 h 506217"/>
                <a:gd name="connsiteX79" fmla="*/ 163486 w 398334"/>
                <a:gd name="connsiteY79" fmla="*/ 264881 h 506217"/>
                <a:gd name="connsiteX80" fmla="*/ 138856 w 398334"/>
                <a:gd name="connsiteY80" fmla="*/ 264881 h 506217"/>
                <a:gd name="connsiteX81" fmla="*/ 138856 w 398334"/>
                <a:gd name="connsiteY81" fmla="*/ 279629 h 506217"/>
                <a:gd name="connsiteX82" fmla="*/ 163486 w 398334"/>
                <a:gd name="connsiteY82" fmla="*/ 279629 h 506217"/>
                <a:gd name="connsiteX83" fmla="*/ 247847 w 398334"/>
                <a:gd name="connsiteY83" fmla="*/ 294378 h 506217"/>
                <a:gd name="connsiteX84" fmla="*/ 273435 w 398334"/>
                <a:gd name="connsiteY84" fmla="*/ 344891 h 506217"/>
                <a:gd name="connsiteX85" fmla="*/ 255000 w 398334"/>
                <a:gd name="connsiteY85" fmla="*/ 389874 h 506217"/>
                <a:gd name="connsiteX86" fmla="*/ 196670 w 398334"/>
                <a:gd name="connsiteY86" fmla="*/ 405728 h 506217"/>
                <a:gd name="connsiteX87" fmla="*/ 196670 w 398334"/>
                <a:gd name="connsiteY87" fmla="*/ 420477 h 506217"/>
                <a:gd name="connsiteX88" fmla="*/ 201168 w 398334"/>
                <a:gd name="connsiteY88" fmla="*/ 420477 h 506217"/>
                <a:gd name="connsiteX89" fmla="*/ 264402 w 398334"/>
                <a:gd name="connsiteY89" fmla="*/ 401377 h 506217"/>
                <a:gd name="connsiteX90" fmla="*/ 288184 w 398334"/>
                <a:gd name="connsiteY90" fmla="*/ 345075 h 5062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</a:cxnLst>
              <a:rect l="l" t="t" r="r" b="b"/>
              <a:pathLst>
                <a:path w="398334" h="506217">
                  <a:moveTo>
                    <a:pt x="221595" y="196264"/>
                  </a:moveTo>
                  <a:cubicBezTo>
                    <a:pt x="214840" y="197957"/>
                    <a:pt x="207978" y="199188"/>
                    <a:pt x="201057" y="199951"/>
                  </a:cubicBezTo>
                  <a:cubicBezTo>
                    <a:pt x="189233" y="201293"/>
                    <a:pt x="177338" y="201935"/>
                    <a:pt x="165440" y="201869"/>
                  </a:cubicBezTo>
                  <a:lnTo>
                    <a:pt x="138856" y="201869"/>
                  </a:lnTo>
                  <a:lnTo>
                    <a:pt x="138856" y="187120"/>
                  </a:lnTo>
                  <a:lnTo>
                    <a:pt x="165440" y="187120"/>
                  </a:lnTo>
                  <a:cubicBezTo>
                    <a:pt x="183064" y="187559"/>
                    <a:pt x="200670" y="185826"/>
                    <a:pt x="217871" y="181958"/>
                  </a:cubicBezTo>
                  <a:cubicBezTo>
                    <a:pt x="228460" y="179621"/>
                    <a:pt x="238559" y="175439"/>
                    <a:pt x="247699" y="169606"/>
                  </a:cubicBezTo>
                  <a:cubicBezTo>
                    <a:pt x="253573" y="165783"/>
                    <a:pt x="257990" y="160096"/>
                    <a:pt x="260235" y="153457"/>
                  </a:cubicBezTo>
                  <a:cubicBezTo>
                    <a:pt x="262385" y="146545"/>
                    <a:pt x="263480" y="139348"/>
                    <a:pt x="263480" y="132109"/>
                  </a:cubicBezTo>
                  <a:cubicBezTo>
                    <a:pt x="264136" y="119227"/>
                    <a:pt x="259299" y="106672"/>
                    <a:pt x="250170" y="97561"/>
                  </a:cubicBezTo>
                  <a:cubicBezTo>
                    <a:pt x="241247" y="88970"/>
                    <a:pt x="224360" y="84582"/>
                    <a:pt x="199878" y="84582"/>
                  </a:cubicBezTo>
                  <a:cubicBezTo>
                    <a:pt x="181803" y="84766"/>
                    <a:pt x="163903" y="88149"/>
                    <a:pt x="147005" y="94574"/>
                  </a:cubicBezTo>
                  <a:cubicBezTo>
                    <a:pt x="127175" y="102523"/>
                    <a:pt x="109183" y="114443"/>
                    <a:pt x="94132" y="129601"/>
                  </a:cubicBezTo>
                  <a:lnTo>
                    <a:pt x="88564" y="134985"/>
                  </a:lnTo>
                  <a:lnTo>
                    <a:pt x="19837" y="55712"/>
                  </a:lnTo>
                  <a:lnTo>
                    <a:pt x="24851" y="50882"/>
                  </a:lnTo>
                  <a:cubicBezTo>
                    <a:pt x="48746" y="28073"/>
                    <a:pt x="77300" y="10714"/>
                    <a:pt x="108548" y="0"/>
                  </a:cubicBezTo>
                  <a:lnTo>
                    <a:pt x="108548" y="0"/>
                  </a:lnTo>
                  <a:lnTo>
                    <a:pt x="108917" y="0"/>
                  </a:lnTo>
                  <a:lnTo>
                    <a:pt x="108917" y="0"/>
                  </a:lnTo>
                  <a:lnTo>
                    <a:pt x="113858" y="13863"/>
                  </a:lnTo>
                  <a:cubicBezTo>
                    <a:pt x="110170" y="15117"/>
                    <a:pt x="106705" y="16481"/>
                    <a:pt x="103202" y="17882"/>
                  </a:cubicBezTo>
                  <a:cubicBezTo>
                    <a:pt x="80089" y="27039"/>
                    <a:pt x="58761" y="40180"/>
                    <a:pt x="40189" y="56708"/>
                  </a:cubicBezTo>
                  <a:lnTo>
                    <a:pt x="89560" y="113673"/>
                  </a:lnTo>
                  <a:cubicBezTo>
                    <a:pt x="94095" y="109581"/>
                    <a:pt x="98704" y="105820"/>
                    <a:pt x="103312" y="102354"/>
                  </a:cubicBezTo>
                  <a:cubicBezTo>
                    <a:pt x="115037" y="93337"/>
                    <a:pt x="128001" y="86060"/>
                    <a:pt x="141806" y="80747"/>
                  </a:cubicBezTo>
                  <a:cubicBezTo>
                    <a:pt x="160330" y="73650"/>
                    <a:pt x="179967" y="69904"/>
                    <a:pt x="199804" y="69686"/>
                  </a:cubicBezTo>
                  <a:lnTo>
                    <a:pt x="201242" y="69686"/>
                  </a:lnTo>
                  <a:cubicBezTo>
                    <a:pt x="229374" y="69686"/>
                    <a:pt x="248768" y="75438"/>
                    <a:pt x="260530" y="86757"/>
                  </a:cubicBezTo>
                  <a:cubicBezTo>
                    <a:pt x="272532" y="98654"/>
                    <a:pt x="278992" y="115039"/>
                    <a:pt x="278339" y="131924"/>
                  </a:cubicBezTo>
                  <a:cubicBezTo>
                    <a:pt x="278350" y="140676"/>
                    <a:pt x="277030" y="149378"/>
                    <a:pt x="274431" y="157734"/>
                  </a:cubicBezTo>
                  <a:cubicBezTo>
                    <a:pt x="271208" y="167365"/>
                    <a:pt x="264881" y="175650"/>
                    <a:pt x="256438" y="181295"/>
                  </a:cubicBezTo>
                  <a:cubicBezTo>
                    <a:pt x="245811" y="188330"/>
                    <a:pt x="234013" y="193399"/>
                    <a:pt x="221595" y="196264"/>
                  </a:cubicBezTo>
                  <a:close/>
                  <a:moveTo>
                    <a:pt x="369078" y="267167"/>
                  </a:moveTo>
                  <a:cubicBezTo>
                    <a:pt x="353309" y="249060"/>
                    <a:pt x="332702" y="235823"/>
                    <a:pt x="309679" y="229006"/>
                  </a:cubicBezTo>
                  <a:cubicBezTo>
                    <a:pt x="328941" y="221827"/>
                    <a:pt x="345953" y="209663"/>
                    <a:pt x="358976" y="193757"/>
                  </a:cubicBezTo>
                  <a:cubicBezTo>
                    <a:pt x="376305" y="172187"/>
                    <a:pt x="385080" y="145825"/>
                    <a:pt x="385080" y="115443"/>
                  </a:cubicBezTo>
                  <a:cubicBezTo>
                    <a:pt x="385080" y="72931"/>
                    <a:pt x="369816" y="39673"/>
                    <a:pt x="339766" y="16518"/>
                  </a:cubicBezTo>
                  <a:lnTo>
                    <a:pt x="339360" y="17034"/>
                  </a:lnTo>
                  <a:lnTo>
                    <a:pt x="339360" y="17034"/>
                  </a:lnTo>
                  <a:lnTo>
                    <a:pt x="330769" y="28096"/>
                  </a:lnTo>
                  <a:cubicBezTo>
                    <a:pt x="357390" y="48596"/>
                    <a:pt x="370332" y="77134"/>
                    <a:pt x="370332" y="115332"/>
                  </a:cubicBezTo>
                  <a:cubicBezTo>
                    <a:pt x="370981" y="140322"/>
                    <a:pt x="362895" y="164754"/>
                    <a:pt x="347472" y="184429"/>
                  </a:cubicBezTo>
                  <a:cubicBezTo>
                    <a:pt x="334704" y="199752"/>
                    <a:pt x="317817" y="211101"/>
                    <a:pt x="298802" y="217133"/>
                  </a:cubicBezTo>
                  <a:lnTo>
                    <a:pt x="298802" y="217133"/>
                  </a:lnTo>
                  <a:cubicBezTo>
                    <a:pt x="292630" y="219294"/>
                    <a:pt x="286322" y="221053"/>
                    <a:pt x="279924" y="222406"/>
                  </a:cubicBezTo>
                  <a:lnTo>
                    <a:pt x="242427" y="230407"/>
                  </a:lnTo>
                  <a:lnTo>
                    <a:pt x="280219" y="236896"/>
                  </a:lnTo>
                  <a:cubicBezTo>
                    <a:pt x="286432" y="237962"/>
                    <a:pt x="292586" y="239352"/>
                    <a:pt x="298655" y="241062"/>
                  </a:cubicBezTo>
                  <a:lnTo>
                    <a:pt x="298655" y="241062"/>
                  </a:lnTo>
                  <a:cubicBezTo>
                    <a:pt x="323985" y="248105"/>
                    <a:pt x="343748" y="260014"/>
                    <a:pt x="357648" y="276532"/>
                  </a:cubicBezTo>
                  <a:cubicBezTo>
                    <a:pt x="374793" y="296959"/>
                    <a:pt x="383458" y="322142"/>
                    <a:pt x="383458" y="351454"/>
                  </a:cubicBezTo>
                  <a:cubicBezTo>
                    <a:pt x="383882" y="371770"/>
                    <a:pt x="379565" y="391905"/>
                    <a:pt x="370848" y="410263"/>
                  </a:cubicBezTo>
                  <a:cubicBezTo>
                    <a:pt x="362335" y="427408"/>
                    <a:pt x="349998" y="442367"/>
                    <a:pt x="334788" y="453992"/>
                  </a:cubicBezTo>
                  <a:cubicBezTo>
                    <a:pt x="323779" y="462336"/>
                    <a:pt x="311700" y="469168"/>
                    <a:pt x="298876" y="474308"/>
                  </a:cubicBezTo>
                  <a:lnTo>
                    <a:pt x="298876" y="474308"/>
                  </a:lnTo>
                  <a:cubicBezTo>
                    <a:pt x="291896" y="477173"/>
                    <a:pt x="284754" y="479636"/>
                    <a:pt x="277491" y="481682"/>
                  </a:cubicBezTo>
                  <a:cubicBezTo>
                    <a:pt x="252621" y="488448"/>
                    <a:pt x="226937" y="491737"/>
                    <a:pt x="201168" y="491453"/>
                  </a:cubicBezTo>
                  <a:lnTo>
                    <a:pt x="201168" y="491453"/>
                  </a:lnTo>
                  <a:cubicBezTo>
                    <a:pt x="167818" y="492032"/>
                    <a:pt x="134660" y="486328"/>
                    <a:pt x="103423" y="474640"/>
                  </a:cubicBezTo>
                  <a:cubicBezTo>
                    <a:pt x="100437" y="473460"/>
                    <a:pt x="97450" y="472280"/>
                    <a:pt x="94537" y="470953"/>
                  </a:cubicBezTo>
                  <a:cubicBezTo>
                    <a:pt x="66194" y="458048"/>
                    <a:pt x="40966" y="439185"/>
                    <a:pt x="20574" y="415646"/>
                  </a:cubicBezTo>
                  <a:lnTo>
                    <a:pt x="81264" y="360967"/>
                  </a:lnTo>
                  <a:lnTo>
                    <a:pt x="86942" y="355842"/>
                  </a:lnTo>
                  <a:lnTo>
                    <a:pt x="86610" y="355473"/>
                  </a:lnTo>
                  <a:lnTo>
                    <a:pt x="77060" y="344891"/>
                  </a:lnTo>
                  <a:lnTo>
                    <a:pt x="0" y="414135"/>
                  </a:lnTo>
                  <a:lnTo>
                    <a:pt x="4498" y="419592"/>
                  </a:lnTo>
                  <a:cubicBezTo>
                    <a:pt x="27070" y="447378"/>
                    <a:pt x="55767" y="469563"/>
                    <a:pt x="88343" y="484411"/>
                  </a:cubicBezTo>
                  <a:cubicBezTo>
                    <a:pt x="120347" y="498864"/>
                    <a:pt x="158398" y="506202"/>
                    <a:pt x="201057" y="506202"/>
                  </a:cubicBezTo>
                  <a:cubicBezTo>
                    <a:pt x="228198" y="506485"/>
                    <a:pt x="255247" y="503008"/>
                    <a:pt x="281436" y="495878"/>
                  </a:cubicBezTo>
                  <a:cubicBezTo>
                    <a:pt x="303927" y="489853"/>
                    <a:pt x="325066" y="479592"/>
                    <a:pt x="343711" y="465643"/>
                  </a:cubicBezTo>
                  <a:cubicBezTo>
                    <a:pt x="360664" y="452650"/>
                    <a:pt x="374425" y="435951"/>
                    <a:pt x="383937" y="416826"/>
                  </a:cubicBezTo>
                  <a:cubicBezTo>
                    <a:pt x="393745" y="396488"/>
                    <a:pt x="398667" y="374141"/>
                    <a:pt x="398317" y="351565"/>
                  </a:cubicBezTo>
                  <a:cubicBezTo>
                    <a:pt x="398354" y="318676"/>
                    <a:pt x="388509" y="290285"/>
                    <a:pt x="369078" y="267167"/>
                  </a:cubicBezTo>
                  <a:close/>
                  <a:moveTo>
                    <a:pt x="288184" y="345075"/>
                  </a:moveTo>
                  <a:cubicBezTo>
                    <a:pt x="288184" y="314767"/>
                    <a:pt x="276938" y="293456"/>
                    <a:pt x="254778" y="281547"/>
                  </a:cubicBezTo>
                  <a:cubicBezTo>
                    <a:pt x="240952" y="274173"/>
                    <a:pt x="223180" y="269306"/>
                    <a:pt x="201057" y="266798"/>
                  </a:cubicBezTo>
                  <a:cubicBezTo>
                    <a:pt x="188577" y="265471"/>
                    <a:pt x="176037" y="264833"/>
                    <a:pt x="163486" y="264881"/>
                  </a:cubicBezTo>
                  <a:lnTo>
                    <a:pt x="138856" y="264881"/>
                  </a:lnTo>
                  <a:lnTo>
                    <a:pt x="138856" y="279629"/>
                  </a:lnTo>
                  <a:lnTo>
                    <a:pt x="163486" y="279629"/>
                  </a:lnTo>
                  <a:cubicBezTo>
                    <a:pt x="200984" y="279629"/>
                    <a:pt x="229374" y="284644"/>
                    <a:pt x="247847" y="294378"/>
                  </a:cubicBezTo>
                  <a:cubicBezTo>
                    <a:pt x="265065" y="303559"/>
                    <a:pt x="273435" y="320187"/>
                    <a:pt x="273435" y="344891"/>
                  </a:cubicBezTo>
                  <a:cubicBezTo>
                    <a:pt x="273435" y="364838"/>
                    <a:pt x="267351" y="379550"/>
                    <a:pt x="255000" y="389874"/>
                  </a:cubicBezTo>
                  <a:cubicBezTo>
                    <a:pt x="242648" y="400197"/>
                    <a:pt x="222664" y="405728"/>
                    <a:pt x="196670" y="405728"/>
                  </a:cubicBezTo>
                  <a:lnTo>
                    <a:pt x="196670" y="420477"/>
                  </a:lnTo>
                  <a:cubicBezTo>
                    <a:pt x="198218" y="420477"/>
                    <a:pt x="199656" y="420477"/>
                    <a:pt x="201168" y="420477"/>
                  </a:cubicBezTo>
                  <a:cubicBezTo>
                    <a:pt x="228453" y="419850"/>
                    <a:pt x="249764" y="413471"/>
                    <a:pt x="264402" y="401377"/>
                  </a:cubicBezTo>
                  <a:cubicBezTo>
                    <a:pt x="280146" y="388325"/>
                    <a:pt x="288184" y="369336"/>
                    <a:pt x="288184" y="345075"/>
                  </a:cubicBezTo>
                  <a:close/>
                </a:path>
              </a:pathLst>
            </a:custGeom>
            <a:solidFill>
              <a:schemeClr val="tx1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10" name="TextBox 9">
            <a:extLst>
              <a:ext uri="{FF2B5EF4-FFF2-40B4-BE49-F238E27FC236}">
                <a16:creationId xmlns:a16="http://schemas.microsoft.com/office/drawing/2014/main" id="{9DB60FE4-666C-4F8B-9A36-FB89DD2B5393}"/>
              </a:ext>
            </a:extLst>
          </p:cNvPr>
          <p:cNvSpPr txBox="1"/>
          <p:nvPr/>
        </p:nvSpPr>
        <p:spPr>
          <a:xfrm>
            <a:off x="3412622" y="2928770"/>
            <a:ext cx="2614426" cy="138499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1200"/>
              </a:spcAft>
            </a:pPr>
            <a:r>
              <a:rPr lang="en-US" sz="2000" b="1" dirty="0"/>
              <a:t>SHAP</a:t>
            </a:r>
          </a:p>
          <a:p>
            <a:r>
              <a:rPr lang="en-US" sz="2000" dirty="0"/>
              <a:t>Combining LIME with game theoretical approaches</a:t>
            </a:r>
          </a:p>
        </p:txBody>
      </p:sp>
      <p:grpSp>
        <p:nvGrpSpPr>
          <p:cNvPr id="19" name="Group 18" descr="Number 2">
            <a:extLst>
              <a:ext uri="{FF2B5EF4-FFF2-40B4-BE49-F238E27FC236}">
                <a16:creationId xmlns:a16="http://schemas.microsoft.com/office/drawing/2014/main" id="{D16973BC-B52C-8244-BDAB-CAFDCB750160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GrpSpPr>
            <a:grpSpLocks/>
          </p:cNvGrpSpPr>
          <p:nvPr/>
        </p:nvGrpSpPr>
        <p:grpSpPr>
          <a:xfrm>
            <a:off x="3412622" y="2137344"/>
            <a:ext cx="372545" cy="506017"/>
            <a:chOff x="757959" y="2803607"/>
            <a:chExt cx="372545" cy="515094"/>
          </a:xfrm>
        </p:grpSpPr>
        <p:sp>
          <p:nvSpPr>
            <p:cNvPr id="20" name="Freeform 19">
              <a:extLst>
                <a:ext uri="{FF2B5EF4-FFF2-40B4-BE49-F238E27FC236}">
                  <a16:creationId xmlns:a16="http://schemas.microsoft.com/office/drawing/2014/main" id="{7468C8DF-37AE-B74B-9B24-8F38643AAB5E}"/>
                </a:ext>
              </a:extLst>
            </p:cNvPr>
            <p:cNvSpPr/>
            <p:nvPr/>
          </p:nvSpPr>
          <p:spPr>
            <a:xfrm>
              <a:off x="772560" y="2818356"/>
              <a:ext cx="353629" cy="485449"/>
            </a:xfrm>
            <a:custGeom>
              <a:avLst/>
              <a:gdLst>
                <a:gd name="connsiteX0" fmla="*/ 305034 w 353629"/>
                <a:gd name="connsiteY0" fmla="*/ 414805 h 485449"/>
                <a:gd name="connsiteX1" fmla="*/ 112899 w 353629"/>
                <a:gd name="connsiteY1" fmla="*/ 414805 h 485449"/>
                <a:gd name="connsiteX2" fmla="*/ 113599 w 353629"/>
                <a:gd name="connsiteY2" fmla="*/ 406767 h 485449"/>
                <a:gd name="connsiteX3" fmla="*/ 150470 w 353629"/>
                <a:gd name="connsiteY3" fmla="*/ 352456 h 485449"/>
                <a:gd name="connsiteX4" fmla="*/ 203454 w 353629"/>
                <a:gd name="connsiteY4" fmla="*/ 313004 h 485449"/>
                <a:gd name="connsiteX5" fmla="*/ 237597 w 353629"/>
                <a:gd name="connsiteY5" fmla="*/ 290882 h 485449"/>
                <a:gd name="connsiteX6" fmla="*/ 293309 w 353629"/>
                <a:gd name="connsiteY6" fmla="*/ 248738 h 485449"/>
                <a:gd name="connsiteX7" fmla="*/ 316279 w 353629"/>
                <a:gd name="connsiteY7" fmla="*/ 223445 h 485449"/>
                <a:gd name="connsiteX8" fmla="*/ 325276 w 353629"/>
                <a:gd name="connsiteY8" fmla="*/ 210319 h 485449"/>
                <a:gd name="connsiteX9" fmla="*/ 339582 w 353629"/>
                <a:gd name="connsiteY9" fmla="*/ 173927 h 485449"/>
                <a:gd name="connsiteX10" fmla="*/ 343195 w 353629"/>
                <a:gd name="connsiteY10" fmla="*/ 135249 h 485449"/>
                <a:gd name="connsiteX11" fmla="*/ 302637 w 353629"/>
                <a:gd name="connsiteY11" fmla="*/ 36509 h 485449"/>
                <a:gd name="connsiteX12" fmla="*/ 184908 w 353629"/>
                <a:gd name="connsiteY12" fmla="*/ 7 h 485449"/>
                <a:gd name="connsiteX13" fmla="*/ 126947 w 353629"/>
                <a:gd name="connsiteY13" fmla="*/ 7381 h 485449"/>
                <a:gd name="connsiteX14" fmla="*/ 117397 w 353629"/>
                <a:gd name="connsiteY14" fmla="*/ 10330 h 485449"/>
                <a:gd name="connsiteX15" fmla="*/ 116217 w 353629"/>
                <a:gd name="connsiteY15" fmla="*/ 10736 h 485449"/>
                <a:gd name="connsiteX16" fmla="*/ 107295 w 353629"/>
                <a:gd name="connsiteY16" fmla="*/ 14017 h 485449"/>
                <a:gd name="connsiteX17" fmla="*/ 97044 w 353629"/>
                <a:gd name="connsiteY17" fmla="*/ 18368 h 485449"/>
                <a:gd name="connsiteX18" fmla="*/ 78240 w 353629"/>
                <a:gd name="connsiteY18" fmla="*/ 28176 h 485449"/>
                <a:gd name="connsiteX19" fmla="*/ 37940 w 353629"/>
                <a:gd name="connsiteY19" fmla="*/ 60586 h 485449"/>
                <a:gd name="connsiteX20" fmla="*/ 8038 w 353629"/>
                <a:gd name="connsiteY20" fmla="*/ 97899 h 485449"/>
                <a:gd name="connsiteX21" fmla="*/ 72009 w 353629"/>
                <a:gd name="connsiteY21" fmla="*/ 142623 h 485449"/>
                <a:gd name="connsiteX22" fmla="*/ 119941 w 353629"/>
                <a:gd name="connsiteY22" fmla="*/ 95023 h 485449"/>
                <a:gd name="connsiteX23" fmla="*/ 158619 w 353629"/>
                <a:gd name="connsiteY23" fmla="*/ 78320 h 485449"/>
                <a:gd name="connsiteX24" fmla="*/ 169680 w 353629"/>
                <a:gd name="connsiteY24" fmla="*/ 76403 h 485449"/>
                <a:gd name="connsiteX25" fmla="*/ 181626 w 353629"/>
                <a:gd name="connsiteY25" fmla="*/ 75666 h 485449"/>
                <a:gd name="connsiteX26" fmla="*/ 234536 w 353629"/>
                <a:gd name="connsiteY26" fmla="*/ 93659 h 485449"/>
                <a:gd name="connsiteX27" fmla="*/ 224434 w 353629"/>
                <a:gd name="connsiteY27" fmla="*/ 104241 h 485449"/>
                <a:gd name="connsiteX28" fmla="*/ 239956 w 353629"/>
                <a:gd name="connsiteY28" fmla="*/ 147085 h 485449"/>
                <a:gd name="connsiteX29" fmla="*/ 239956 w 353629"/>
                <a:gd name="connsiteY29" fmla="*/ 152026 h 485449"/>
                <a:gd name="connsiteX30" fmla="*/ 239956 w 353629"/>
                <a:gd name="connsiteY30" fmla="*/ 152026 h 485449"/>
                <a:gd name="connsiteX31" fmla="*/ 239624 w 353629"/>
                <a:gd name="connsiteY31" fmla="*/ 156819 h 485449"/>
                <a:gd name="connsiteX32" fmla="*/ 234315 w 353629"/>
                <a:gd name="connsiteY32" fmla="*/ 174812 h 485449"/>
                <a:gd name="connsiteX33" fmla="*/ 214331 w 353629"/>
                <a:gd name="connsiteY33" fmla="*/ 201248 h 485449"/>
                <a:gd name="connsiteX34" fmla="*/ 179082 w 353629"/>
                <a:gd name="connsiteY34" fmla="*/ 227390 h 485449"/>
                <a:gd name="connsiteX35" fmla="*/ 140995 w 353629"/>
                <a:gd name="connsiteY35" fmla="*/ 250324 h 485449"/>
                <a:gd name="connsiteX36" fmla="*/ 140515 w 353629"/>
                <a:gd name="connsiteY36" fmla="*/ 250582 h 485449"/>
                <a:gd name="connsiteX37" fmla="*/ 56818 w 353629"/>
                <a:gd name="connsiteY37" fmla="*/ 313742 h 485449"/>
                <a:gd name="connsiteX38" fmla="*/ 57297 w 353629"/>
                <a:gd name="connsiteY38" fmla="*/ 314221 h 485449"/>
                <a:gd name="connsiteX39" fmla="*/ 57297 w 353629"/>
                <a:gd name="connsiteY39" fmla="*/ 314221 h 485449"/>
                <a:gd name="connsiteX40" fmla="*/ 67290 w 353629"/>
                <a:gd name="connsiteY40" fmla="*/ 324065 h 485449"/>
                <a:gd name="connsiteX41" fmla="*/ 40447 w 353629"/>
                <a:gd name="connsiteY41" fmla="*/ 354447 h 485449"/>
                <a:gd name="connsiteX42" fmla="*/ 24003 w 353629"/>
                <a:gd name="connsiteY42" fmla="*/ 378745 h 485449"/>
                <a:gd name="connsiteX43" fmla="*/ 4609 w 353629"/>
                <a:gd name="connsiteY43" fmla="*/ 430106 h 485449"/>
                <a:gd name="connsiteX44" fmla="*/ 0 w 353629"/>
                <a:gd name="connsiteY44" fmla="*/ 482094 h 485449"/>
                <a:gd name="connsiteX45" fmla="*/ 0 w 353629"/>
                <a:gd name="connsiteY45" fmla="*/ 485450 h 485449"/>
                <a:gd name="connsiteX46" fmla="*/ 353629 w 353629"/>
                <a:gd name="connsiteY46" fmla="*/ 485450 h 485449"/>
                <a:gd name="connsiteX47" fmla="*/ 353629 w 353629"/>
                <a:gd name="connsiteY47" fmla="*/ 414657 h 4854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</a:cxnLst>
              <a:rect l="l" t="t" r="r" b="b"/>
              <a:pathLst>
                <a:path w="353629" h="485449">
                  <a:moveTo>
                    <a:pt x="305034" y="414805"/>
                  </a:moveTo>
                  <a:lnTo>
                    <a:pt x="112899" y="414805"/>
                  </a:lnTo>
                  <a:lnTo>
                    <a:pt x="113599" y="406767"/>
                  </a:lnTo>
                  <a:cubicBezTo>
                    <a:pt x="115111" y="389991"/>
                    <a:pt x="127205" y="372219"/>
                    <a:pt x="150470" y="352456"/>
                  </a:cubicBezTo>
                  <a:cubicBezTo>
                    <a:pt x="167424" y="338382"/>
                    <a:pt x="185111" y="325212"/>
                    <a:pt x="203454" y="313004"/>
                  </a:cubicBezTo>
                  <a:cubicBezTo>
                    <a:pt x="214073" y="305825"/>
                    <a:pt x="225455" y="298451"/>
                    <a:pt x="237597" y="290882"/>
                  </a:cubicBezTo>
                  <a:cubicBezTo>
                    <a:pt x="257437" y="278596"/>
                    <a:pt x="276090" y="264486"/>
                    <a:pt x="293309" y="248738"/>
                  </a:cubicBezTo>
                  <a:cubicBezTo>
                    <a:pt x="301627" y="240932"/>
                    <a:pt x="309311" y="232474"/>
                    <a:pt x="316279" y="223445"/>
                  </a:cubicBezTo>
                  <a:cubicBezTo>
                    <a:pt x="319527" y="219245"/>
                    <a:pt x="322529" y="214861"/>
                    <a:pt x="325276" y="210319"/>
                  </a:cubicBezTo>
                  <a:cubicBezTo>
                    <a:pt x="332167" y="199136"/>
                    <a:pt x="337012" y="186810"/>
                    <a:pt x="339582" y="173927"/>
                  </a:cubicBezTo>
                  <a:cubicBezTo>
                    <a:pt x="341956" y="161171"/>
                    <a:pt x="343166" y="148224"/>
                    <a:pt x="343195" y="135249"/>
                  </a:cubicBezTo>
                  <a:cubicBezTo>
                    <a:pt x="343195" y="93769"/>
                    <a:pt x="329590" y="60549"/>
                    <a:pt x="302637" y="36509"/>
                  </a:cubicBezTo>
                  <a:cubicBezTo>
                    <a:pt x="275684" y="12469"/>
                    <a:pt x="235900" y="7"/>
                    <a:pt x="184908" y="7"/>
                  </a:cubicBezTo>
                  <a:cubicBezTo>
                    <a:pt x="165344" y="-145"/>
                    <a:pt x="145850" y="2336"/>
                    <a:pt x="126947" y="7381"/>
                  </a:cubicBezTo>
                  <a:cubicBezTo>
                    <a:pt x="123702" y="8302"/>
                    <a:pt x="120531" y="9298"/>
                    <a:pt x="117397" y="10330"/>
                  </a:cubicBezTo>
                  <a:lnTo>
                    <a:pt x="116217" y="10736"/>
                  </a:lnTo>
                  <a:cubicBezTo>
                    <a:pt x="113194" y="11768"/>
                    <a:pt x="110244" y="12874"/>
                    <a:pt x="107295" y="14017"/>
                  </a:cubicBezTo>
                  <a:cubicBezTo>
                    <a:pt x="104345" y="15160"/>
                    <a:pt x="100400" y="16820"/>
                    <a:pt x="97044" y="18368"/>
                  </a:cubicBezTo>
                  <a:cubicBezTo>
                    <a:pt x="90592" y="21268"/>
                    <a:pt x="84312" y="24543"/>
                    <a:pt x="78240" y="28176"/>
                  </a:cubicBezTo>
                  <a:cubicBezTo>
                    <a:pt x="63453" y="37179"/>
                    <a:pt x="49906" y="48074"/>
                    <a:pt x="37940" y="60586"/>
                  </a:cubicBezTo>
                  <a:cubicBezTo>
                    <a:pt x="26941" y="72160"/>
                    <a:pt x="16938" y="84642"/>
                    <a:pt x="8038" y="97899"/>
                  </a:cubicBezTo>
                  <a:lnTo>
                    <a:pt x="72009" y="142623"/>
                  </a:lnTo>
                  <a:cubicBezTo>
                    <a:pt x="84637" y="123706"/>
                    <a:pt x="100938" y="107519"/>
                    <a:pt x="119941" y="95023"/>
                  </a:cubicBezTo>
                  <a:cubicBezTo>
                    <a:pt x="131784" y="87283"/>
                    <a:pt x="144866" y="81633"/>
                    <a:pt x="158619" y="78320"/>
                  </a:cubicBezTo>
                  <a:cubicBezTo>
                    <a:pt x="162269" y="77481"/>
                    <a:pt x="165960" y="76840"/>
                    <a:pt x="169680" y="76403"/>
                  </a:cubicBezTo>
                  <a:cubicBezTo>
                    <a:pt x="173644" y="75919"/>
                    <a:pt x="177633" y="75673"/>
                    <a:pt x="181626" y="75666"/>
                  </a:cubicBezTo>
                  <a:cubicBezTo>
                    <a:pt x="204228" y="75666"/>
                    <a:pt x="222184" y="81713"/>
                    <a:pt x="234536" y="93659"/>
                  </a:cubicBezTo>
                  <a:lnTo>
                    <a:pt x="224434" y="104241"/>
                  </a:lnTo>
                  <a:cubicBezTo>
                    <a:pt x="234757" y="114970"/>
                    <a:pt x="239956" y="129239"/>
                    <a:pt x="239956" y="147085"/>
                  </a:cubicBezTo>
                  <a:cubicBezTo>
                    <a:pt x="239956" y="148744"/>
                    <a:pt x="239956" y="150403"/>
                    <a:pt x="239956" y="152026"/>
                  </a:cubicBezTo>
                  <a:lnTo>
                    <a:pt x="239956" y="152026"/>
                  </a:lnTo>
                  <a:cubicBezTo>
                    <a:pt x="239956" y="153574"/>
                    <a:pt x="239956" y="155307"/>
                    <a:pt x="239624" y="156819"/>
                  </a:cubicBezTo>
                  <a:cubicBezTo>
                    <a:pt x="238699" y="163035"/>
                    <a:pt x="236911" y="169089"/>
                    <a:pt x="234315" y="174812"/>
                  </a:cubicBezTo>
                  <a:cubicBezTo>
                    <a:pt x="229448" y="184848"/>
                    <a:pt x="222660" y="193830"/>
                    <a:pt x="214331" y="201248"/>
                  </a:cubicBezTo>
                  <a:cubicBezTo>
                    <a:pt x="203425" y="211045"/>
                    <a:pt x="191622" y="219798"/>
                    <a:pt x="179082" y="227390"/>
                  </a:cubicBezTo>
                  <a:cubicBezTo>
                    <a:pt x="168047" y="234296"/>
                    <a:pt x="155348" y="241943"/>
                    <a:pt x="140995" y="250324"/>
                  </a:cubicBezTo>
                  <a:lnTo>
                    <a:pt x="140515" y="250582"/>
                  </a:lnTo>
                  <a:cubicBezTo>
                    <a:pt x="110211" y="268243"/>
                    <a:pt x="82115" y="289444"/>
                    <a:pt x="56818" y="313742"/>
                  </a:cubicBezTo>
                  <a:lnTo>
                    <a:pt x="57297" y="314221"/>
                  </a:lnTo>
                  <a:lnTo>
                    <a:pt x="57297" y="314221"/>
                  </a:lnTo>
                  <a:lnTo>
                    <a:pt x="67290" y="324065"/>
                  </a:lnTo>
                  <a:cubicBezTo>
                    <a:pt x="57737" y="333641"/>
                    <a:pt x="48773" y="343788"/>
                    <a:pt x="40447" y="354447"/>
                  </a:cubicBezTo>
                  <a:cubicBezTo>
                    <a:pt x="34425" y="362168"/>
                    <a:pt x="28932" y="370283"/>
                    <a:pt x="24003" y="378745"/>
                  </a:cubicBezTo>
                  <a:cubicBezTo>
                    <a:pt x="14606" y="394611"/>
                    <a:pt x="8043" y="411992"/>
                    <a:pt x="4609" y="430106"/>
                  </a:cubicBezTo>
                  <a:cubicBezTo>
                    <a:pt x="1557" y="447266"/>
                    <a:pt x="15" y="464666"/>
                    <a:pt x="0" y="482094"/>
                  </a:cubicBezTo>
                  <a:lnTo>
                    <a:pt x="0" y="485450"/>
                  </a:lnTo>
                  <a:lnTo>
                    <a:pt x="353629" y="485450"/>
                  </a:lnTo>
                  <a:lnTo>
                    <a:pt x="353629" y="414657"/>
                  </a:lnTo>
                  <a:close/>
                </a:path>
              </a:pathLst>
            </a:custGeom>
            <a:solidFill>
              <a:srgbClr val="008FD3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" name="Freeform 20">
              <a:extLst>
                <a:ext uri="{FF2B5EF4-FFF2-40B4-BE49-F238E27FC236}">
                  <a16:creationId xmlns:a16="http://schemas.microsoft.com/office/drawing/2014/main" id="{9B7DC658-90E2-DB47-AB1A-1551064367E7}"/>
                </a:ext>
              </a:extLst>
            </p:cNvPr>
            <p:cNvSpPr/>
            <p:nvPr/>
          </p:nvSpPr>
          <p:spPr>
            <a:xfrm>
              <a:off x="879854" y="2818319"/>
              <a:ext cx="235900" cy="223407"/>
            </a:xfrm>
            <a:custGeom>
              <a:avLst/>
              <a:gdLst>
                <a:gd name="connsiteX0" fmla="*/ 195342 w 235900"/>
                <a:gd name="connsiteY0" fmla="*/ 36509 h 223407"/>
                <a:gd name="connsiteX1" fmla="*/ 77613 w 235900"/>
                <a:gd name="connsiteY1" fmla="*/ 7 h 223407"/>
                <a:gd name="connsiteX2" fmla="*/ 19652 w 235900"/>
                <a:gd name="connsiteY2" fmla="*/ 7381 h 223407"/>
                <a:gd name="connsiteX3" fmla="*/ 10103 w 235900"/>
                <a:gd name="connsiteY3" fmla="*/ 10330 h 223407"/>
                <a:gd name="connsiteX4" fmla="*/ 8923 w 235900"/>
                <a:gd name="connsiteY4" fmla="*/ 10736 h 223407"/>
                <a:gd name="connsiteX5" fmla="*/ 0 w 235900"/>
                <a:gd name="connsiteY5" fmla="*/ 14017 h 223407"/>
                <a:gd name="connsiteX6" fmla="*/ 62423 w 235900"/>
                <a:gd name="connsiteY6" fmla="*/ 76440 h 223407"/>
                <a:gd name="connsiteX7" fmla="*/ 74369 w 235900"/>
                <a:gd name="connsiteY7" fmla="*/ 75703 h 223407"/>
                <a:gd name="connsiteX8" fmla="*/ 127279 w 235900"/>
                <a:gd name="connsiteY8" fmla="*/ 93696 h 223407"/>
                <a:gd name="connsiteX9" fmla="*/ 117176 w 235900"/>
                <a:gd name="connsiteY9" fmla="*/ 104278 h 223407"/>
                <a:gd name="connsiteX10" fmla="*/ 132662 w 235900"/>
                <a:gd name="connsiteY10" fmla="*/ 147122 h 223407"/>
                <a:gd name="connsiteX11" fmla="*/ 132662 w 235900"/>
                <a:gd name="connsiteY11" fmla="*/ 152062 h 223407"/>
                <a:gd name="connsiteX12" fmla="*/ 132662 w 235900"/>
                <a:gd name="connsiteY12" fmla="*/ 152062 h 223407"/>
                <a:gd name="connsiteX13" fmla="*/ 209058 w 235900"/>
                <a:gd name="connsiteY13" fmla="*/ 223408 h 223407"/>
                <a:gd name="connsiteX14" fmla="*/ 218055 w 235900"/>
                <a:gd name="connsiteY14" fmla="*/ 210282 h 223407"/>
                <a:gd name="connsiteX15" fmla="*/ 232361 w 235900"/>
                <a:gd name="connsiteY15" fmla="*/ 173890 h 223407"/>
                <a:gd name="connsiteX16" fmla="*/ 235900 w 235900"/>
                <a:gd name="connsiteY16" fmla="*/ 135286 h 223407"/>
                <a:gd name="connsiteX17" fmla="*/ 195342 w 235900"/>
                <a:gd name="connsiteY17" fmla="*/ 36509 h 2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235900" h="223407">
                  <a:moveTo>
                    <a:pt x="195342" y="36509"/>
                  </a:moveTo>
                  <a:cubicBezTo>
                    <a:pt x="168205" y="12285"/>
                    <a:pt x="128606" y="7"/>
                    <a:pt x="77613" y="7"/>
                  </a:cubicBezTo>
                  <a:cubicBezTo>
                    <a:pt x="58050" y="-145"/>
                    <a:pt x="38556" y="2336"/>
                    <a:pt x="19652" y="7381"/>
                  </a:cubicBezTo>
                  <a:cubicBezTo>
                    <a:pt x="16408" y="8302"/>
                    <a:pt x="13237" y="9298"/>
                    <a:pt x="10103" y="10330"/>
                  </a:cubicBezTo>
                  <a:lnTo>
                    <a:pt x="8923" y="10736"/>
                  </a:lnTo>
                  <a:cubicBezTo>
                    <a:pt x="5899" y="11768"/>
                    <a:pt x="2950" y="12874"/>
                    <a:pt x="0" y="14017"/>
                  </a:cubicBezTo>
                  <a:lnTo>
                    <a:pt x="62423" y="76440"/>
                  </a:lnTo>
                  <a:cubicBezTo>
                    <a:pt x="66386" y="75956"/>
                    <a:pt x="70376" y="75710"/>
                    <a:pt x="74369" y="75703"/>
                  </a:cubicBezTo>
                  <a:cubicBezTo>
                    <a:pt x="96971" y="75703"/>
                    <a:pt x="114927" y="81749"/>
                    <a:pt x="127279" y="93696"/>
                  </a:cubicBezTo>
                  <a:lnTo>
                    <a:pt x="117176" y="104278"/>
                  </a:lnTo>
                  <a:cubicBezTo>
                    <a:pt x="127463" y="115007"/>
                    <a:pt x="132662" y="129276"/>
                    <a:pt x="132662" y="147122"/>
                  </a:cubicBezTo>
                  <a:cubicBezTo>
                    <a:pt x="132662" y="148781"/>
                    <a:pt x="132662" y="150440"/>
                    <a:pt x="132662" y="152062"/>
                  </a:cubicBezTo>
                  <a:lnTo>
                    <a:pt x="132662" y="152062"/>
                  </a:lnTo>
                  <a:lnTo>
                    <a:pt x="209058" y="223408"/>
                  </a:lnTo>
                  <a:cubicBezTo>
                    <a:pt x="212307" y="219208"/>
                    <a:pt x="215308" y="214824"/>
                    <a:pt x="218055" y="210282"/>
                  </a:cubicBezTo>
                  <a:cubicBezTo>
                    <a:pt x="224946" y="199099"/>
                    <a:pt x="229791" y="186773"/>
                    <a:pt x="232361" y="173890"/>
                  </a:cubicBezTo>
                  <a:cubicBezTo>
                    <a:pt x="234706" y="161156"/>
                    <a:pt x="235889" y="148235"/>
                    <a:pt x="235900" y="135286"/>
                  </a:cubicBezTo>
                  <a:cubicBezTo>
                    <a:pt x="235900" y="93806"/>
                    <a:pt x="222111" y="60586"/>
                    <a:pt x="195342" y="36509"/>
                  </a:cubicBezTo>
                  <a:close/>
                </a:path>
              </a:pathLst>
            </a:custGeom>
            <a:solidFill>
              <a:srgbClr val="F0AB00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" name="Freeform 21">
              <a:extLst>
                <a:ext uri="{FF2B5EF4-FFF2-40B4-BE49-F238E27FC236}">
                  <a16:creationId xmlns:a16="http://schemas.microsoft.com/office/drawing/2014/main" id="{099BEF7D-6CFA-F041-B7B4-70585E08BD76}"/>
                </a:ext>
              </a:extLst>
            </p:cNvPr>
            <p:cNvSpPr/>
            <p:nvPr/>
          </p:nvSpPr>
          <p:spPr>
            <a:xfrm>
              <a:off x="780524" y="2832337"/>
              <a:ext cx="345665" cy="450194"/>
            </a:xfrm>
            <a:custGeom>
              <a:avLst/>
              <a:gdLst>
                <a:gd name="connsiteX0" fmla="*/ 308315 w 345665"/>
                <a:gd name="connsiteY0" fmla="*/ 209464 h 450194"/>
                <a:gd name="connsiteX1" fmla="*/ 285344 w 345665"/>
                <a:gd name="connsiteY1" fmla="*/ 234757 h 450194"/>
                <a:gd name="connsiteX2" fmla="*/ 229632 w 345665"/>
                <a:gd name="connsiteY2" fmla="*/ 276901 h 450194"/>
                <a:gd name="connsiteX3" fmla="*/ 195490 w 345665"/>
                <a:gd name="connsiteY3" fmla="*/ 299024 h 450194"/>
                <a:gd name="connsiteX4" fmla="*/ 133030 w 345665"/>
                <a:gd name="connsiteY4" fmla="*/ 236343 h 450194"/>
                <a:gd name="connsiteX5" fmla="*/ 171044 w 345665"/>
                <a:gd name="connsiteY5" fmla="*/ 213409 h 450194"/>
                <a:gd name="connsiteX6" fmla="*/ 206293 w 345665"/>
                <a:gd name="connsiteY6" fmla="*/ 187268 h 450194"/>
                <a:gd name="connsiteX7" fmla="*/ 226277 w 345665"/>
                <a:gd name="connsiteY7" fmla="*/ 160831 h 450194"/>
                <a:gd name="connsiteX8" fmla="*/ 231587 w 345665"/>
                <a:gd name="connsiteY8" fmla="*/ 142838 h 450194"/>
                <a:gd name="connsiteX9" fmla="*/ 231918 w 345665"/>
                <a:gd name="connsiteY9" fmla="*/ 138045 h 450194"/>
                <a:gd name="connsiteX10" fmla="*/ 231918 w 345665"/>
                <a:gd name="connsiteY10" fmla="*/ 138045 h 450194"/>
                <a:gd name="connsiteX11" fmla="*/ 99257 w 345665"/>
                <a:gd name="connsiteY11" fmla="*/ 0 h 450194"/>
                <a:gd name="connsiteX12" fmla="*/ 89007 w 345665"/>
                <a:gd name="connsiteY12" fmla="*/ 4351 h 450194"/>
                <a:gd name="connsiteX13" fmla="*/ 70202 w 345665"/>
                <a:gd name="connsiteY13" fmla="*/ 14158 h 450194"/>
                <a:gd name="connsiteX14" fmla="*/ 29902 w 345665"/>
                <a:gd name="connsiteY14" fmla="*/ 46568 h 450194"/>
                <a:gd name="connsiteX15" fmla="*/ 0 w 345665"/>
                <a:gd name="connsiteY15" fmla="*/ 83881 h 450194"/>
                <a:gd name="connsiteX16" fmla="*/ 64045 w 345665"/>
                <a:gd name="connsiteY16" fmla="*/ 128643 h 450194"/>
                <a:gd name="connsiteX17" fmla="*/ 111977 w 345665"/>
                <a:gd name="connsiteY17" fmla="*/ 81042 h 450194"/>
                <a:gd name="connsiteX18" fmla="*/ 150655 w 345665"/>
                <a:gd name="connsiteY18" fmla="*/ 64340 h 450194"/>
                <a:gd name="connsiteX19" fmla="*/ 156149 w 345665"/>
                <a:gd name="connsiteY19" fmla="*/ 63234 h 450194"/>
                <a:gd name="connsiteX20" fmla="*/ 161679 w 345665"/>
                <a:gd name="connsiteY20" fmla="*/ 62423 h 450194"/>
                <a:gd name="connsiteX21" fmla="*/ 345665 w 345665"/>
                <a:gd name="connsiteY21" fmla="*/ 450195 h 450194"/>
                <a:gd name="connsiteX22" fmla="*/ 345665 w 345665"/>
                <a:gd name="connsiteY22" fmla="*/ 400824 h 450194"/>
                <a:gd name="connsiteX23" fmla="*/ 296332 w 345665"/>
                <a:gd name="connsiteY23" fmla="*/ 400824 h 45019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</a:cxnLst>
              <a:rect l="l" t="t" r="r" b="b"/>
              <a:pathLst>
                <a:path w="345665" h="450194">
                  <a:moveTo>
                    <a:pt x="308315" y="209464"/>
                  </a:moveTo>
                  <a:cubicBezTo>
                    <a:pt x="301346" y="218494"/>
                    <a:pt x="293663" y="226952"/>
                    <a:pt x="285344" y="234757"/>
                  </a:cubicBezTo>
                  <a:cubicBezTo>
                    <a:pt x="268126" y="250505"/>
                    <a:pt x="249473" y="264616"/>
                    <a:pt x="229632" y="276901"/>
                  </a:cubicBezTo>
                  <a:cubicBezTo>
                    <a:pt x="217343" y="284496"/>
                    <a:pt x="205961" y="291871"/>
                    <a:pt x="195490" y="299024"/>
                  </a:cubicBezTo>
                  <a:lnTo>
                    <a:pt x="133030" y="236343"/>
                  </a:lnTo>
                  <a:cubicBezTo>
                    <a:pt x="147384" y="227888"/>
                    <a:pt x="160057" y="220241"/>
                    <a:pt x="171044" y="213409"/>
                  </a:cubicBezTo>
                  <a:cubicBezTo>
                    <a:pt x="183584" y="205817"/>
                    <a:pt x="195387" y="197064"/>
                    <a:pt x="206293" y="187268"/>
                  </a:cubicBezTo>
                  <a:cubicBezTo>
                    <a:pt x="214619" y="179849"/>
                    <a:pt x="221410" y="170867"/>
                    <a:pt x="226277" y="160831"/>
                  </a:cubicBezTo>
                  <a:cubicBezTo>
                    <a:pt x="228873" y="155109"/>
                    <a:pt x="230661" y="149055"/>
                    <a:pt x="231587" y="142838"/>
                  </a:cubicBezTo>
                  <a:cubicBezTo>
                    <a:pt x="231808" y="141326"/>
                    <a:pt x="231771" y="139593"/>
                    <a:pt x="231918" y="138045"/>
                  </a:cubicBezTo>
                  <a:lnTo>
                    <a:pt x="231918" y="138045"/>
                  </a:lnTo>
                  <a:close/>
                  <a:moveTo>
                    <a:pt x="99257" y="0"/>
                  </a:moveTo>
                  <a:cubicBezTo>
                    <a:pt x="95791" y="1364"/>
                    <a:pt x="92362" y="2802"/>
                    <a:pt x="89007" y="4351"/>
                  </a:cubicBezTo>
                  <a:cubicBezTo>
                    <a:pt x="82554" y="7251"/>
                    <a:pt x="76274" y="10525"/>
                    <a:pt x="70202" y="14158"/>
                  </a:cubicBezTo>
                  <a:cubicBezTo>
                    <a:pt x="55416" y="23161"/>
                    <a:pt x="41868" y="34057"/>
                    <a:pt x="29902" y="46568"/>
                  </a:cubicBezTo>
                  <a:cubicBezTo>
                    <a:pt x="18903" y="58143"/>
                    <a:pt x="8900" y="70625"/>
                    <a:pt x="0" y="83881"/>
                  </a:cubicBezTo>
                  <a:lnTo>
                    <a:pt x="64045" y="128643"/>
                  </a:lnTo>
                  <a:cubicBezTo>
                    <a:pt x="76673" y="109726"/>
                    <a:pt x="92974" y="93539"/>
                    <a:pt x="111977" y="81042"/>
                  </a:cubicBezTo>
                  <a:cubicBezTo>
                    <a:pt x="123820" y="73302"/>
                    <a:pt x="136902" y="67653"/>
                    <a:pt x="150655" y="64340"/>
                  </a:cubicBezTo>
                  <a:lnTo>
                    <a:pt x="156149" y="63234"/>
                  </a:lnTo>
                  <a:cubicBezTo>
                    <a:pt x="157992" y="62902"/>
                    <a:pt x="159836" y="62644"/>
                    <a:pt x="161679" y="62423"/>
                  </a:cubicBezTo>
                  <a:close/>
                  <a:moveTo>
                    <a:pt x="345665" y="450195"/>
                  </a:moveTo>
                  <a:lnTo>
                    <a:pt x="345665" y="400824"/>
                  </a:lnTo>
                  <a:lnTo>
                    <a:pt x="296332" y="400824"/>
                  </a:lnTo>
                  <a:close/>
                </a:path>
              </a:pathLst>
            </a:custGeom>
            <a:solidFill>
              <a:srgbClr val="F0AB00">
                <a:alpha val="70000"/>
              </a:srgbClr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" name="Freeform 22">
              <a:extLst>
                <a:ext uri="{FF2B5EF4-FFF2-40B4-BE49-F238E27FC236}">
                  <a16:creationId xmlns:a16="http://schemas.microsoft.com/office/drawing/2014/main" id="{AAEE0E78-47E1-EC42-804A-87CC0AEBEA7A}"/>
                </a:ext>
              </a:extLst>
            </p:cNvPr>
            <p:cNvSpPr/>
            <p:nvPr/>
          </p:nvSpPr>
          <p:spPr>
            <a:xfrm>
              <a:off x="813007" y="3068680"/>
              <a:ext cx="313182" cy="235126"/>
            </a:xfrm>
            <a:custGeom>
              <a:avLst/>
              <a:gdLst>
                <a:gd name="connsiteX0" fmla="*/ 263849 w 313182"/>
                <a:gd name="connsiteY0" fmla="*/ 164481 h 235126"/>
                <a:gd name="connsiteX1" fmla="*/ 72451 w 313182"/>
                <a:gd name="connsiteY1" fmla="*/ 164481 h 235126"/>
                <a:gd name="connsiteX2" fmla="*/ 73152 w 313182"/>
                <a:gd name="connsiteY2" fmla="*/ 156443 h 235126"/>
                <a:gd name="connsiteX3" fmla="*/ 110023 w 313182"/>
                <a:gd name="connsiteY3" fmla="*/ 102133 h 235126"/>
                <a:gd name="connsiteX4" fmla="*/ 163007 w 313182"/>
                <a:gd name="connsiteY4" fmla="*/ 62681 h 235126"/>
                <a:gd name="connsiteX5" fmla="*/ 100584 w 313182"/>
                <a:gd name="connsiteY5" fmla="*/ 0 h 235126"/>
                <a:gd name="connsiteX6" fmla="*/ 100584 w 313182"/>
                <a:gd name="connsiteY6" fmla="*/ 0 h 235126"/>
                <a:gd name="connsiteX7" fmla="*/ 100105 w 313182"/>
                <a:gd name="connsiteY7" fmla="*/ 258 h 235126"/>
                <a:gd name="connsiteX8" fmla="*/ 16408 w 313182"/>
                <a:gd name="connsiteY8" fmla="*/ 63418 h 235126"/>
                <a:gd name="connsiteX9" fmla="*/ 16887 w 313182"/>
                <a:gd name="connsiteY9" fmla="*/ 63897 h 235126"/>
                <a:gd name="connsiteX10" fmla="*/ 16887 w 313182"/>
                <a:gd name="connsiteY10" fmla="*/ 63897 h 235126"/>
                <a:gd name="connsiteX11" fmla="*/ 26842 w 313182"/>
                <a:gd name="connsiteY11" fmla="*/ 73742 h 235126"/>
                <a:gd name="connsiteX12" fmla="*/ 0 w 313182"/>
                <a:gd name="connsiteY12" fmla="*/ 104124 h 235126"/>
                <a:gd name="connsiteX13" fmla="*/ 131003 w 313182"/>
                <a:gd name="connsiteY13" fmla="*/ 235126 h 235126"/>
                <a:gd name="connsiteX14" fmla="*/ 313182 w 313182"/>
                <a:gd name="connsiteY14" fmla="*/ 235126 h 235126"/>
                <a:gd name="connsiteX15" fmla="*/ 313182 w 313182"/>
                <a:gd name="connsiteY15" fmla="*/ 213852 h 2351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313182" h="235126">
                  <a:moveTo>
                    <a:pt x="263849" y="164481"/>
                  </a:moveTo>
                  <a:lnTo>
                    <a:pt x="72451" y="164481"/>
                  </a:lnTo>
                  <a:lnTo>
                    <a:pt x="73152" y="156443"/>
                  </a:lnTo>
                  <a:cubicBezTo>
                    <a:pt x="74664" y="139667"/>
                    <a:pt x="86757" y="121895"/>
                    <a:pt x="110023" y="102133"/>
                  </a:cubicBezTo>
                  <a:cubicBezTo>
                    <a:pt x="126976" y="88059"/>
                    <a:pt x="144663" y="74889"/>
                    <a:pt x="163007" y="62681"/>
                  </a:cubicBezTo>
                  <a:lnTo>
                    <a:pt x="100584" y="0"/>
                  </a:lnTo>
                  <a:lnTo>
                    <a:pt x="100584" y="0"/>
                  </a:lnTo>
                  <a:lnTo>
                    <a:pt x="100105" y="258"/>
                  </a:lnTo>
                  <a:cubicBezTo>
                    <a:pt x="69800" y="17919"/>
                    <a:pt x="41704" y="39120"/>
                    <a:pt x="16408" y="63418"/>
                  </a:cubicBezTo>
                  <a:lnTo>
                    <a:pt x="16887" y="63897"/>
                  </a:lnTo>
                  <a:lnTo>
                    <a:pt x="16887" y="63897"/>
                  </a:lnTo>
                  <a:lnTo>
                    <a:pt x="26842" y="73742"/>
                  </a:lnTo>
                  <a:cubicBezTo>
                    <a:pt x="17290" y="83317"/>
                    <a:pt x="8326" y="93464"/>
                    <a:pt x="0" y="104124"/>
                  </a:cubicBezTo>
                  <a:lnTo>
                    <a:pt x="131003" y="235126"/>
                  </a:lnTo>
                  <a:lnTo>
                    <a:pt x="313182" y="235126"/>
                  </a:lnTo>
                  <a:lnTo>
                    <a:pt x="313182" y="213852"/>
                  </a:lnTo>
                  <a:close/>
                </a:path>
              </a:pathLst>
            </a:custGeom>
            <a:solidFill>
              <a:srgbClr val="F0AB00">
                <a:alpha val="40000"/>
              </a:srgbClr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" name="Freeform 23">
              <a:extLst>
                <a:ext uri="{FF2B5EF4-FFF2-40B4-BE49-F238E27FC236}">
                  <a16:creationId xmlns:a16="http://schemas.microsoft.com/office/drawing/2014/main" id="{7319BB8F-7DC8-2B4F-9815-B5255384B3C5}"/>
                </a:ext>
              </a:extLst>
            </p:cNvPr>
            <p:cNvSpPr/>
            <p:nvPr/>
          </p:nvSpPr>
          <p:spPr>
            <a:xfrm>
              <a:off x="757959" y="2803607"/>
              <a:ext cx="372545" cy="515094"/>
            </a:xfrm>
            <a:custGeom>
              <a:avLst/>
              <a:gdLst>
                <a:gd name="connsiteX0" fmla="*/ 144792 w 372545"/>
                <a:gd name="connsiteY0" fmla="*/ 414805 h 515094"/>
                <a:gd name="connsiteX1" fmla="*/ 368230 w 372545"/>
                <a:gd name="connsiteY1" fmla="*/ 414805 h 515094"/>
                <a:gd name="connsiteX2" fmla="*/ 368230 w 372545"/>
                <a:gd name="connsiteY2" fmla="*/ 429554 h 515094"/>
                <a:gd name="connsiteX3" fmla="*/ 127500 w 372545"/>
                <a:gd name="connsiteY3" fmla="*/ 429554 h 515094"/>
                <a:gd name="connsiteX4" fmla="*/ 128200 w 372545"/>
                <a:gd name="connsiteY4" fmla="*/ 421516 h 515094"/>
                <a:gd name="connsiteX5" fmla="*/ 165071 w 372545"/>
                <a:gd name="connsiteY5" fmla="*/ 367205 h 515094"/>
                <a:gd name="connsiteX6" fmla="*/ 218055 w 372545"/>
                <a:gd name="connsiteY6" fmla="*/ 327753 h 515094"/>
                <a:gd name="connsiteX7" fmla="*/ 252197 w 372545"/>
                <a:gd name="connsiteY7" fmla="*/ 305630 h 515094"/>
                <a:gd name="connsiteX8" fmla="*/ 307909 w 372545"/>
                <a:gd name="connsiteY8" fmla="*/ 263487 h 515094"/>
                <a:gd name="connsiteX9" fmla="*/ 330880 w 372545"/>
                <a:gd name="connsiteY9" fmla="*/ 238193 h 515094"/>
                <a:gd name="connsiteX10" fmla="*/ 339877 w 372545"/>
                <a:gd name="connsiteY10" fmla="*/ 225067 h 515094"/>
                <a:gd name="connsiteX11" fmla="*/ 354183 w 372545"/>
                <a:gd name="connsiteY11" fmla="*/ 188676 h 515094"/>
                <a:gd name="connsiteX12" fmla="*/ 357796 w 372545"/>
                <a:gd name="connsiteY12" fmla="*/ 149998 h 515094"/>
                <a:gd name="connsiteX13" fmla="*/ 317238 w 372545"/>
                <a:gd name="connsiteY13" fmla="*/ 51258 h 515094"/>
                <a:gd name="connsiteX14" fmla="*/ 199509 w 372545"/>
                <a:gd name="connsiteY14" fmla="*/ 14755 h 515094"/>
                <a:gd name="connsiteX15" fmla="*/ 141548 w 372545"/>
                <a:gd name="connsiteY15" fmla="*/ 22129 h 515094"/>
                <a:gd name="connsiteX16" fmla="*/ 131998 w 372545"/>
                <a:gd name="connsiteY16" fmla="*/ 25079 h 515094"/>
                <a:gd name="connsiteX17" fmla="*/ 130818 w 372545"/>
                <a:gd name="connsiteY17" fmla="*/ 25485 h 515094"/>
                <a:gd name="connsiteX18" fmla="*/ 121895 w 372545"/>
                <a:gd name="connsiteY18" fmla="*/ 28766 h 515094"/>
                <a:gd name="connsiteX19" fmla="*/ 111645 w 372545"/>
                <a:gd name="connsiteY19" fmla="*/ 33117 h 515094"/>
                <a:gd name="connsiteX20" fmla="*/ 92841 w 372545"/>
                <a:gd name="connsiteY20" fmla="*/ 42925 h 515094"/>
                <a:gd name="connsiteX21" fmla="*/ 52541 w 372545"/>
                <a:gd name="connsiteY21" fmla="*/ 75334 h 515094"/>
                <a:gd name="connsiteX22" fmla="*/ 22639 w 372545"/>
                <a:gd name="connsiteY22" fmla="*/ 112648 h 515094"/>
                <a:gd name="connsiteX23" fmla="*/ 86610 w 372545"/>
                <a:gd name="connsiteY23" fmla="*/ 157372 h 515094"/>
                <a:gd name="connsiteX24" fmla="*/ 134542 w 372545"/>
                <a:gd name="connsiteY24" fmla="*/ 109772 h 515094"/>
                <a:gd name="connsiteX25" fmla="*/ 173220 w 372545"/>
                <a:gd name="connsiteY25" fmla="*/ 93069 h 515094"/>
                <a:gd name="connsiteX26" fmla="*/ 184281 w 372545"/>
                <a:gd name="connsiteY26" fmla="*/ 91152 h 515094"/>
                <a:gd name="connsiteX27" fmla="*/ 196227 w 372545"/>
                <a:gd name="connsiteY27" fmla="*/ 90414 h 515094"/>
                <a:gd name="connsiteX28" fmla="*/ 249137 w 372545"/>
                <a:gd name="connsiteY28" fmla="*/ 108408 h 515094"/>
                <a:gd name="connsiteX29" fmla="*/ 239034 w 372545"/>
                <a:gd name="connsiteY29" fmla="*/ 118989 h 515094"/>
                <a:gd name="connsiteX30" fmla="*/ 239034 w 372545"/>
                <a:gd name="connsiteY30" fmla="*/ 118989 h 515094"/>
                <a:gd name="connsiteX31" fmla="*/ 196338 w 372545"/>
                <a:gd name="connsiteY31" fmla="*/ 105089 h 515094"/>
                <a:gd name="connsiteX32" fmla="*/ 142617 w 372545"/>
                <a:gd name="connsiteY32" fmla="*/ 122124 h 515094"/>
                <a:gd name="connsiteX33" fmla="*/ 94795 w 372545"/>
                <a:gd name="connsiteY33" fmla="*/ 171715 h 515094"/>
                <a:gd name="connsiteX34" fmla="*/ 90666 w 372545"/>
                <a:gd name="connsiteY34" fmla="*/ 178204 h 515094"/>
                <a:gd name="connsiteX35" fmla="*/ 2175 w 372545"/>
                <a:gd name="connsiteY35" fmla="*/ 116519 h 515094"/>
                <a:gd name="connsiteX36" fmla="*/ 6047 w 372545"/>
                <a:gd name="connsiteY36" fmla="*/ 110546 h 515094"/>
                <a:gd name="connsiteX37" fmla="*/ 41590 w 372545"/>
                <a:gd name="connsiteY37" fmla="*/ 65121 h 515094"/>
                <a:gd name="connsiteX38" fmla="*/ 84951 w 372545"/>
                <a:gd name="connsiteY38" fmla="*/ 30278 h 515094"/>
                <a:gd name="connsiteX39" fmla="*/ 137381 w 372545"/>
                <a:gd name="connsiteY39" fmla="*/ 7897 h 515094"/>
                <a:gd name="connsiteX40" fmla="*/ 199251 w 372545"/>
                <a:gd name="connsiteY40" fmla="*/ 7 h 515094"/>
                <a:gd name="connsiteX41" fmla="*/ 326787 w 372545"/>
                <a:gd name="connsiteY41" fmla="*/ 40270 h 515094"/>
                <a:gd name="connsiteX42" fmla="*/ 372544 w 372545"/>
                <a:gd name="connsiteY42" fmla="*/ 149998 h 515094"/>
                <a:gd name="connsiteX43" fmla="*/ 368857 w 372545"/>
                <a:gd name="connsiteY43" fmla="*/ 191330 h 515094"/>
                <a:gd name="connsiteX44" fmla="*/ 352708 w 372545"/>
                <a:gd name="connsiteY44" fmla="*/ 232626 h 515094"/>
                <a:gd name="connsiteX45" fmla="*/ 318233 w 372545"/>
                <a:gd name="connsiteY45" fmla="*/ 274179 h 515094"/>
                <a:gd name="connsiteX46" fmla="*/ 260272 w 372545"/>
                <a:gd name="connsiteY46" fmla="*/ 318093 h 515094"/>
                <a:gd name="connsiteX47" fmla="*/ 174842 w 372545"/>
                <a:gd name="connsiteY47" fmla="*/ 378450 h 515094"/>
                <a:gd name="connsiteX48" fmla="*/ 144792 w 372545"/>
                <a:gd name="connsiteY48" fmla="*/ 414805 h 515094"/>
                <a:gd name="connsiteX49" fmla="*/ 186051 w 372545"/>
                <a:gd name="connsiteY49" fmla="*/ 500346 h 515094"/>
                <a:gd name="connsiteX50" fmla="*/ 14601 w 372545"/>
                <a:gd name="connsiteY50" fmla="*/ 500346 h 515094"/>
                <a:gd name="connsiteX51" fmla="*/ 14601 w 372545"/>
                <a:gd name="connsiteY51" fmla="*/ 496991 h 515094"/>
                <a:gd name="connsiteX52" fmla="*/ 19210 w 372545"/>
                <a:gd name="connsiteY52" fmla="*/ 445003 h 515094"/>
                <a:gd name="connsiteX53" fmla="*/ 38604 w 372545"/>
                <a:gd name="connsiteY53" fmla="*/ 393641 h 515094"/>
                <a:gd name="connsiteX54" fmla="*/ 55048 w 372545"/>
                <a:gd name="connsiteY54" fmla="*/ 369343 h 515094"/>
                <a:gd name="connsiteX55" fmla="*/ 55048 w 372545"/>
                <a:gd name="connsiteY55" fmla="*/ 369343 h 515094"/>
                <a:gd name="connsiteX56" fmla="*/ 81890 w 372545"/>
                <a:gd name="connsiteY56" fmla="*/ 338814 h 515094"/>
                <a:gd name="connsiteX57" fmla="*/ 71898 w 372545"/>
                <a:gd name="connsiteY57" fmla="*/ 328859 h 515094"/>
                <a:gd name="connsiteX58" fmla="*/ 71419 w 372545"/>
                <a:gd name="connsiteY58" fmla="*/ 328417 h 515094"/>
                <a:gd name="connsiteX59" fmla="*/ 25957 w 372545"/>
                <a:gd name="connsiteY59" fmla="*/ 386304 h 515094"/>
                <a:gd name="connsiteX60" fmla="*/ 4830 w 372545"/>
                <a:gd name="connsiteY60" fmla="*/ 442458 h 515094"/>
                <a:gd name="connsiteX61" fmla="*/ 0 w 372545"/>
                <a:gd name="connsiteY61" fmla="*/ 496991 h 515094"/>
                <a:gd name="connsiteX62" fmla="*/ 0 w 372545"/>
                <a:gd name="connsiteY62" fmla="*/ 515094 h 515094"/>
                <a:gd name="connsiteX63" fmla="*/ 368378 w 372545"/>
                <a:gd name="connsiteY63" fmla="*/ 515094 h 515094"/>
                <a:gd name="connsiteX64" fmla="*/ 368378 w 372545"/>
                <a:gd name="connsiteY64" fmla="*/ 500346 h 51509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372545" h="515094">
                  <a:moveTo>
                    <a:pt x="144792" y="414805"/>
                  </a:moveTo>
                  <a:lnTo>
                    <a:pt x="368230" y="414805"/>
                  </a:lnTo>
                  <a:lnTo>
                    <a:pt x="368230" y="429554"/>
                  </a:lnTo>
                  <a:lnTo>
                    <a:pt x="127500" y="429554"/>
                  </a:lnTo>
                  <a:lnTo>
                    <a:pt x="128200" y="421516"/>
                  </a:lnTo>
                  <a:cubicBezTo>
                    <a:pt x="129712" y="404740"/>
                    <a:pt x="141806" y="386968"/>
                    <a:pt x="165071" y="367205"/>
                  </a:cubicBezTo>
                  <a:cubicBezTo>
                    <a:pt x="182025" y="353131"/>
                    <a:pt x="199712" y="339961"/>
                    <a:pt x="218055" y="327753"/>
                  </a:cubicBezTo>
                  <a:cubicBezTo>
                    <a:pt x="228674" y="320574"/>
                    <a:pt x="240056" y="313200"/>
                    <a:pt x="252197" y="305630"/>
                  </a:cubicBezTo>
                  <a:cubicBezTo>
                    <a:pt x="272038" y="293345"/>
                    <a:pt x="290691" y="279234"/>
                    <a:pt x="307909" y="263487"/>
                  </a:cubicBezTo>
                  <a:cubicBezTo>
                    <a:pt x="316228" y="255681"/>
                    <a:pt x="323911" y="247223"/>
                    <a:pt x="330880" y="238193"/>
                  </a:cubicBezTo>
                  <a:cubicBezTo>
                    <a:pt x="334128" y="233994"/>
                    <a:pt x="337130" y="229610"/>
                    <a:pt x="339877" y="225067"/>
                  </a:cubicBezTo>
                  <a:cubicBezTo>
                    <a:pt x="346768" y="213884"/>
                    <a:pt x="351613" y="201558"/>
                    <a:pt x="354183" y="188676"/>
                  </a:cubicBezTo>
                  <a:cubicBezTo>
                    <a:pt x="356557" y="175919"/>
                    <a:pt x="357766" y="162973"/>
                    <a:pt x="357796" y="149998"/>
                  </a:cubicBezTo>
                  <a:cubicBezTo>
                    <a:pt x="357796" y="108518"/>
                    <a:pt x="344190" y="75297"/>
                    <a:pt x="317238" y="51258"/>
                  </a:cubicBezTo>
                  <a:cubicBezTo>
                    <a:pt x="290285" y="27218"/>
                    <a:pt x="250501" y="14755"/>
                    <a:pt x="199509" y="14755"/>
                  </a:cubicBezTo>
                  <a:cubicBezTo>
                    <a:pt x="179945" y="14604"/>
                    <a:pt x="160451" y="17084"/>
                    <a:pt x="141548" y="22129"/>
                  </a:cubicBezTo>
                  <a:cubicBezTo>
                    <a:pt x="138303" y="23051"/>
                    <a:pt x="135132" y="24047"/>
                    <a:pt x="131998" y="25079"/>
                  </a:cubicBezTo>
                  <a:lnTo>
                    <a:pt x="130818" y="25485"/>
                  </a:lnTo>
                  <a:cubicBezTo>
                    <a:pt x="127795" y="26517"/>
                    <a:pt x="124845" y="27623"/>
                    <a:pt x="121895" y="28766"/>
                  </a:cubicBezTo>
                  <a:cubicBezTo>
                    <a:pt x="118946" y="29909"/>
                    <a:pt x="115001" y="31568"/>
                    <a:pt x="111645" y="33117"/>
                  </a:cubicBezTo>
                  <a:cubicBezTo>
                    <a:pt x="105193" y="36017"/>
                    <a:pt x="98913" y="39291"/>
                    <a:pt x="92841" y="42925"/>
                  </a:cubicBezTo>
                  <a:cubicBezTo>
                    <a:pt x="78054" y="51927"/>
                    <a:pt x="64507" y="62823"/>
                    <a:pt x="52541" y="75334"/>
                  </a:cubicBezTo>
                  <a:cubicBezTo>
                    <a:pt x="41542" y="86909"/>
                    <a:pt x="31539" y="99391"/>
                    <a:pt x="22639" y="112648"/>
                  </a:cubicBezTo>
                  <a:lnTo>
                    <a:pt x="86610" y="157372"/>
                  </a:lnTo>
                  <a:cubicBezTo>
                    <a:pt x="99238" y="138455"/>
                    <a:pt x="115539" y="122268"/>
                    <a:pt x="134542" y="109772"/>
                  </a:cubicBezTo>
                  <a:cubicBezTo>
                    <a:pt x="146385" y="102032"/>
                    <a:pt x="159467" y="96382"/>
                    <a:pt x="173220" y="93069"/>
                  </a:cubicBezTo>
                  <a:cubicBezTo>
                    <a:pt x="176870" y="92229"/>
                    <a:pt x="180561" y="91589"/>
                    <a:pt x="184281" y="91152"/>
                  </a:cubicBezTo>
                  <a:cubicBezTo>
                    <a:pt x="188245" y="90668"/>
                    <a:pt x="192234" y="90421"/>
                    <a:pt x="196227" y="90414"/>
                  </a:cubicBezTo>
                  <a:cubicBezTo>
                    <a:pt x="218829" y="90414"/>
                    <a:pt x="236785" y="96461"/>
                    <a:pt x="249137" y="108408"/>
                  </a:cubicBezTo>
                  <a:lnTo>
                    <a:pt x="239034" y="118989"/>
                  </a:lnTo>
                  <a:lnTo>
                    <a:pt x="239034" y="118989"/>
                  </a:lnTo>
                  <a:cubicBezTo>
                    <a:pt x="229374" y="109772"/>
                    <a:pt x="215031" y="105089"/>
                    <a:pt x="196338" y="105089"/>
                  </a:cubicBezTo>
                  <a:cubicBezTo>
                    <a:pt x="177165" y="105474"/>
                    <a:pt x="158508" y="111389"/>
                    <a:pt x="142617" y="122124"/>
                  </a:cubicBezTo>
                  <a:cubicBezTo>
                    <a:pt x="123245" y="134964"/>
                    <a:pt x="106922" y="151891"/>
                    <a:pt x="94795" y="171715"/>
                  </a:cubicBezTo>
                  <a:lnTo>
                    <a:pt x="90666" y="178204"/>
                  </a:lnTo>
                  <a:lnTo>
                    <a:pt x="2175" y="116519"/>
                  </a:lnTo>
                  <a:lnTo>
                    <a:pt x="6047" y="110546"/>
                  </a:lnTo>
                  <a:cubicBezTo>
                    <a:pt x="16412" y="94301"/>
                    <a:pt x="28315" y="79089"/>
                    <a:pt x="41590" y="65121"/>
                  </a:cubicBezTo>
                  <a:cubicBezTo>
                    <a:pt x="54462" y="51665"/>
                    <a:pt x="69039" y="39951"/>
                    <a:pt x="84951" y="30278"/>
                  </a:cubicBezTo>
                  <a:cubicBezTo>
                    <a:pt x="101318" y="20444"/>
                    <a:pt x="118960" y="12914"/>
                    <a:pt x="137381" y="7897"/>
                  </a:cubicBezTo>
                  <a:cubicBezTo>
                    <a:pt x="157557" y="2500"/>
                    <a:pt x="178367" y="-154"/>
                    <a:pt x="199251" y="7"/>
                  </a:cubicBezTo>
                  <a:cubicBezTo>
                    <a:pt x="253967" y="7"/>
                    <a:pt x="296885" y="13538"/>
                    <a:pt x="326787" y="40270"/>
                  </a:cubicBezTo>
                  <a:cubicBezTo>
                    <a:pt x="356690" y="67001"/>
                    <a:pt x="372544" y="104167"/>
                    <a:pt x="372544" y="149998"/>
                  </a:cubicBezTo>
                  <a:cubicBezTo>
                    <a:pt x="372581" y="163859"/>
                    <a:pt x="371350" y="177695"/>
                    <a:pt x="368857" y="191330"/>
                  </a:cubicBezTo>
                  <a:cubicBezTo>
                    <a:pt x="365989" y="205950"/>
                    <a:pt x="360521" y="219939"/>
                    <a:pt x="352708" y="232626"/>
                  </a:cubicBezTo>
                  <a:cubicBezTo>
                    <a:pt x="343136" y="247964"/>
                    <a:pt x="331540" y="261942"/>
                    <a:pt x="318233" y="274179"/>
                  </a:cubicBezTo>
                  <a:cubicBezTo>
                    <a:pt x="300318" y="290587"/>
                    <a:pt x="280916" y="305287"/>
                    <a:pt x="260272" y="318093"/>
                  </a:cubicBezTo>
                  <a:cubicBezTo>
                    <a:pt x="230429" y="336204"/>
                    <a:pt x="201883" y="356372"/>
                    <a:pt x="174842" y="378450"/>
                  </a:cubicBezTo>
                  <a:cubicBezTo>
                    <a:pt x="158693" y="391872"/>
                    <a:pt x="148811" y="404076"/>
                    <a:pt x="144792" y="414805"/>
                  </a:cubicBezTo>
                  <a:close/>
                  <a:moveTo>
                    <a:pt x="186051" y="500346"/>
                  </a:moveTo>
                  <a:lnTo>
                    <a:pt x="14601" y="500346"/>
                  </a:lnTo>
                  <a:lnTo>
                    <a:pt x="14601" y="496991"/>
                  </a:lnTo>
                  <a:cubicBezTo>
                    <a:pt x="14616" y="479562"/>
                    <a:pt x="16158" y="462162"/>
                    <a:pt x="19210" y="445003"/>
                  </a:cubicBezTo>
                  <a:cubicBezTo>
                    <a:pt x="22644" y="426888"/>
                    <a:pt x="29207" y="409507"/>
                    <a:pt x="38604" y="393641"/>
                  </a:cubicBezTo>
                  <a:cubicBezTo>
                    <a:pt x="43532" y="385179"/>
                    <a:pt x="49026" y="377064"/>
                    <a:pt x="55048" y="369343"/>
                  </a:cubicBezTo>
                  <a:lnTo>
                    <a:pt x="55048" y="369343"/>
                  </a:lnTo>
                  <a:cubicBezTo>
                    <a:pt x="63369" y="358632"/>
                    <a:pt x="72333" y="348438"/>
                    <a:pt x="81890" y="338814"/>
                  </a:cubicBezTo>
                  <a:lnTo>
                    <a:pt x="71898" y="328859"/>
                  </a:lnTo>
                  <a:lnTo>
                    <a:pt x="71419" y="328417"/>
                  </a:lnTo>
                  <a:cubicBezTo>
                    <a:pt x="53848" y="345687"/>
                    <a:pt x="38569" y="365140"/>
                    <a:pt x="25957" y="386304"/>
                  </a:cubicBezTo>
                  <a:cubicBezTo>
                    <a:pt x="15716" y="403655"/>
                    <a:pt x="8567" y="422659"/>
                    <a:pt x="4830" y="442458"/>
                  </a:cubicBezTo>
                  <a:cubicBezTo>
                    <a:pt x="1630" y="460459"/>
                    <a:pt x="14" y="478706"/>
                    <a:pt x="0" y="496991"/>
                  </a:cubicBezTo>
                  <a:lnTo>
                    <a:pt x="0" y="515094"/>
                  </a:lnTo>
                  <a:lnTo>
                    <a:pt x="368378" y="515094"/>
                  </a:lnTo>
                  <a:lnTo>
                    <a:pt x="368378" y="500346"/>
                  </a:lnTo>
                  <a:close/>
                </a:path>
              </a:pathLst>
            </a:custGeom>
            <a:solidFill>
              <a:schemeClr val="tx1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9" name="TextBox 8">
            <a:extLst>
              <a:ext uri="{FF2B5EF4-FFF2-40B4-BE49-F238E27FC236}">
                <a16:creationId xmlns:a16="http://schemas.microsoft.com/office/drawing/2014/main" id="{B80DF5DA-D12D-47F9-BFFA-B2C1E506E60E}"/>
              </a:ext>
            </a:extLst>
          </p:cNvPr>
          <p:cNvSpPr txBox="1"/>
          <p:nvPr/>
        </p:nvSpPr>
        <p:spPr>
          <a:xfrm>
            <a:off x="506913" y="2928770"/>
            <a:ext cx="2257427" cy="16927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Aft>
                <a:spcPts val="1200"/>
              </a:spcAft>
            </a:pPr>
            <a:r>
              <a:rPr lang="en-US" sz="2000" b="1" dirty="0"/>
              <a:t>LIME</a:t>
            </a:r>
          </a:p>
          <a:p>
            <a:r>
              <a:rPr lang="en-US" sz="2000" dirty="0"/>
              <a:t>Explaining models by utilizing explainable surrogate models</a:t>
            </a:r>
          </a:p>
        </p:txBody>
      </p:sp>
      <p:grpSp>
        <p:nvGrpSpPr>
          <p:cNvPr id="13" name="Group 12" descr="Number 1">
            <a:extLst>
              <a:ext uri="{FF2B5EF4-FFF2-40B4-BE49-F238E27FC236}">
                <a16:creationId xmlns:a16="http://schemas.microsoft.com/office/drawing/2014/main" id="{9339958F-15BF-AE43-8648-4409EA823732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GrpSpPr/>
          <p:nvPr/>
        </p:nvGrpSpPr>
        <p:grpSpPr>
          <a:xfrm>
            <a:off x="506913" y="2137343"/>
            <a:ext cx="284053" cy="506017"/>
            <a:chOff x="802684" y="1581510"/>
            <a:chExt cx="284053" cy="506017"/>
          </a:xfrm>
        </p:grpSpPr>
        <p:sp>
          <p:nvSpPr>
            <p:cNvPr id="14" name="Freeform 13">
              <a:extLst>
                <a:ext uri="{FF2B5EF4-FFF2-40B4-BE49-F238E27FC236}">
                  <a16:creationId xmlns:a16="http://schemas.microsoft.com/office/drawing/2014/main" id="{67FA0C35-253B-004B-A08A-01079EA1EFB3}"/>
                </a:ext>
              </a:extLst>
            </p:cNvPr>
            <p:cNvSpPr/>
            <p:nvPr/>
          </p:nvSpPr>
          <p:spPr>
            <a:xfrm>
              <a:off x="808767" y="1596185"/>
              <a:ext cx="263221" cy="476594"/>
            </a:xfrm>
            <a:custGeom>
              <a:avLst/>
              <a:gdLst>
                <a:gd name="connsiteX0" fmla="*/ 263222 w 263221"/>
                <a:gd name="connsiteY0" fmla="*/ 405802 h 476594"/>
                <a:gd name="connsiteX1" fmla="*/ 193167 w 263221"/>
                <a:gd name="connsiteY1" fmla="*/ 405802 h 476594"/>
                <a:gd name="connsiteX2" fmla="*/ 193167 w 263221"/>
                <a:gd name="connsiteY2" fmla="*/ 0 h 476594"/>
                <a:gd name="connsiteX3" fmla="*/ 94353 w 263221"/>
                <a:gd name="connsiteY3" fmla="*/ 0 h 476594"/>
                <a:gd name="connsiteX4" fmla="*/ 8702 w 263221"/>
                <a:gd name="connsiteY4" fmla="*/ 32373 h 476594"/>
                <a:gd name="connsiteX5" fmla="*/ 8702 w 263221"/>
                <a:gd name="connsiteY5" fmla="*/ 105267 h 476594"/>
                <a:gd name="connsiteX6" fmla="*/ 9255 w 263221"/>
                <a:gd name="connsiteY6" fmla="*/ 105267 h 476594"/>
                <a:gd name="connsiteX7" fmla="*/ 44761 w 263221"/>
                <a:gd name="connsiteY7" fmla="*/ 99220 h 476594"/>
                <a:gd name="connsiteX8" fmla="*/ 85319 w 263221"/>
                <a:gd name="connsiteY8" fmla="*/ 84140 h 476594"/>
                <a:gd name="connsiteX9" fmla="*/ 96012 w 263221"/>
                <a:gd name="connsiteY9" fmla="*/ 78720 h 476594"/>
                <a:gd name="connsiteX10" fmla="*/ 96012 w 263221"/>
                <a:gd name="connsiteY10" fmla="*/ 105267 h 476594"/>
                <a:gd name="connsiteX11" fmla="*/ 96012 w 263221"/>
                <a:gd name="connsiteY11" fmla="*/ 105267 h 476594"/>
                <a:gd name="connsiteX12" fmla="*/ 96012 w 263221"/>
                <a:gd name="connsiteY12" fmla="*/ 405802 h 476594"/>
                <a:gd name="connsiteX13" fmla="*/ 0 w 263221"/>
                <a:gd name="connsiteY13" fmla="*/ 405802 h 476594"/>
                <a:gd name="connsiteX14" fmla="*/ 0 w 263221"/>
                <a:gd name="connsiteY14" fmla="*/ 476594 h 476594"/>
                <a:gd name="connsiteX15" fmla="*/ 263222 w 263221"/>
                <a:gd name="connsiteY15" fmla="*/ 476594 h 47659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263221" h="476594">
                  <a:moveTo>
                    <a:pt x="263222" y="405802"/>
                  </a:moveTo>
                  <a:lnTo>
                    <a:pt x="193167" y="405802"/>
                  </a:lnTo>
                  <a:lnTo>
                    <a:pt x="193167" y="0"/>
                  </a:lnTo>
                  <a:lnTo>
                    <a:pt x="94353" y="0"/>
                  </a:lnTo>
                  <a:cubicBezTo>
                    <a:pt x="73410" y="19136"/>
                    <a:pt x="44651" y="30013"/>
                    <a:pt x="8702" y="32373"/>
                  </a:cubicBezTo>
                  <a:lnTo>
                    <a:pt x="8702" y="105267"/>
                  </a:lnTo>
                  <a:lnTo>
                    <a:pt x="9255" y="105267"/>
                  </a:lnTo>
                  <a:cubicBezTo>
                    <a:pt x="21264" y="104456"/>
                    <a:pt x="33161" y="102430"/>
                    <a:pt x="44761" y="99220"/>
                  </a:cubicBezTo>
                  <a:cubicBezTo>
                    <a:pt x="58747" y="95553"/>
                    <a:pt x="72333" y="90502"/>
                    <a:pt x="85319" y="84140"/>
                  </a:cubicBezTo>
                  <a:lnTo>
                    <a:pt x="96012" y="78720"/>
                  </a:lnTo>
                  <a:lnTo>
                    <a:pt x="96012" y="105267"/>
                  </a:lnTo>
                  <a:lnTo>
                    <a:pt x="96012" y="105267"/>
                  </a:lnTo>
                  <a:lnTo>
                    <a:pt x="96012" y="405802"/>
                  </a:lnTo>
                  <a:lnTo>
                    <a:pt x="0" y="405802"/>
                  </a:lnTo>
                  <a:lnTo>
                    <a:pt x="0" y="476594"/>
                  </a:lnTo>
                  <a:lnTo>
                    <a:pt x="263222" y="476594"/>
                  </a:lnTo>
                  <a:close/>
                </a:path>
              </a:pathLst>
            </a:custGeom>
            <a:solidFill>
              <a:srgbClr val="008FD3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" name="Freeform 14">
              <a:extLst>
                <a:ext uri="{FF2B5EF4-FFF2-40B4-BE49-F238E27FC236}">
                  <a16:creationId xmlns:a16="http://schemas.microsoft.com/office/drawing/2014/main" id="{A7B186F1-6194-9541-9B9E-727DE504179F}"/>
                </a:ext>
              </a:extLst>
            </p:cNvPr>
            <p:cNvSpPr/>
            <p:nvPr/>
          </p:nvSpPr>
          <p:spPr>
            <a:xfrm>
              <a:off x="817432" y="1596185"/>
              <a:ext cx="184281" cy="105266"/>
            </a:xfrm>
            <a:custGeom>
              <a:avLst/>
              <a:gdLst>
                <a:gd name="connsiteX0" fmla="*/ 0 w 184281"/>
                <a:gd name="connsiteY0" fmla="*/ 32446 h 105266"/>
                <a:gd name="connsiteX1" fmla="*/ 0 w 184281"/>
                <a:gd name="connsiteY1" fmla="*/ 105267 h 105266"/>
                <a:gd name="connsiteX2" fmla="*/ 553 w 184281"/>
                <a:gd name="connsiteY2" fmla="*/ 105267 h 105266"/>
                <a:gd name="connsiteX3" fmla="*/ 36060 w 184281"/>
                <a:gd name="connsiteY3" fmla="*/ 99220 h 105266"/>
                <a:gd name="connsiteX4" fmla="*/ 76618 w 184281"/>
                <a:gd name="connsiteY4" fmla="*/ 84140 h 105266"/>
                <a:gd name="connsiteX5" fmla="*/ 87310 w 184281"/>
                <a:gd name="connsiteY5" fmla="*/ 78720 h 105266"/>
                <a:gd name="connsiteX6" fmla="*/ 87310 w 184281"/>
                <a:gd name="connsiteY6" fmla="*/ 105267 h 105266"/>
                <a:gd name="connsiteX7" fmla="*/ 184281 w 184281"/>
                <a:gd name="connsiteY7" fmla="*/ 105267 h 105266"/>
                <a:gd name="connsiteX8" fmla="*/ 184281 w 184281"/>
                <a:gd name="connsiteY8" fmla="*/ 0 h 105266"/>
                <a:gd name="connsiteX9" fmla="*/ 85467 w 184281"/>
                <a:gd name="connsiteY9" fmla="*/ 0 h 105266"/>
                <a:gd name="connsiteX10" fmla="*/ 0 w 184281"/>
                <a:gd name="connsiteY10" fmla="*/ 32446 h 1052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4281" h="105266">
                  <a:moveTo>
                    <a:pt x="0" y="32446"/>
                  </a:moveTo>
                  <a:lnTo>
                    <a:pt x="0" y="105267"/>
                  </a:lnTo>
                  <a:lnTo>
                    <a:pt x="553" y="105267"/>
                  </a:lnTo>
                  <a:cubicBezTo>
                    <a:pt x="12563" y="104456"/>
                    <a:pt x="24459" y="102430"/>
                    <a:pt x="36060" y="99220"/>
                  </a:cubicBezTo>
                  <a:cubicBezTo>
                    <a:pt x="50045" y="95553"/>
                    <a:pt x="63632" y="90502"/>
                    <a:pt x="76618" y="84140"/>
                  </a:cubicBezTo>
                  <a:lnTo>
                    <a:pt x="87310" y="78720"/>
                  </a:lnTo>
                  <a:lnTo>
                    <a:pt x="87310" y="105267"/>
                  </a:lnTo>
                  <a:lnTo>
                    <a:pt x="184281" y="105267"/>
                  </a:lnTo>
                  <a:lnTo>
                    <a:pt x="184281" y="0"/>
                  </a:lnTo>
                  <a:lnTo>
                    <a:pt x="85467" y="0"/>
                  </a:lnTo>
                  <a:cubicBezTo>
                    <a:pt x="64709" y="19210"/>
                    <a:pt x="35949" y="30087"/>
                    <a:pt x="0" y="32446"/>
                  </a:cubicBezTo>
                  <a:close/>
                </a:path>
              </a:pathLst>
            </a:custGeom>
            <a:solidFill>
              <a:srgbClr val="F0AB00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" name="Freeform 15">
              <a:extLst>
                <a:ext uri="{FF2B5EF4-FFF2-40B4-BE49-F238E27FC236}">
                  <a16:creationId xmlns:a16="http://schemas.microsoft.com/office/drawing/2014/main" id="{C5D2D869-9A9B-CD4E-A0E3-3F86BB1FA869}"/>
                </a:ext>
              </a:extLst>
            </p:cNvPr>
            <p:cNvSpPr/>
            <p:nvPr/>
          </p:nvSpPr>
          <p:spPr>
            <a:xfrm>
              <a:off x="904927" y="1701451"/>
              <a:ext cx="96970" cy="130043"/>
            </a:xfrm>
            <a:custGeom>
              <a:avLst/>
              <a:gdLst>
                <a:gd name="connsiteX0" fmla="*/ 0 w 96970"/>
                <a:gd name="connsiteY0" fmla="*/ 0 h 130043"/>
                <a:gd name="connsiteX1" fmla="*/ 96971 w 96970"/>
                <a:gd name="connsiteY1" fmla="*/ 0 h 130043"/>
                <a:gd name="connsiteX2" fmla="*/ 96971 w 96970"/>
                <a:gd name="connsiteY2" fmla="*/ 130044 h 130043"/>
                <a:gd name="connsiteX3" fmla="*/ 0 w 96970"/>
                <a:gd name="connsiteY3" fmla="*/ 130044 h 13004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96970" h="130043">
                  <a:moveTo>
                    <a:pt x="0" y="0"/>
                  </a:moveTo>
                  <a:lnTo>
                    <a:pt x="96971" y="0"/>
                  </a:lnTo>
                  <a:lnTo>
                    <a:pt x="96971" y="130044"/>
                  </a:lnTo>
                  <a:lnTo>
                    <a:pt x="0" y="130044"/>
                  </a:lnTo>
                  <a:close/>
                </a:path>
              </a:pathLst>
            </a:custGeom>
            <a:solidFill>
              <a:srgbClr val="F0AB00">
                <a:alpha val="70000"/>
              </a:srgbClr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" name="Freeform 16">
              <a:extLst>
                <a:ext uri="{FF2B5EF4-FFF2-40B4-BE49-F238E27FC236}">
                  <a16:creationId xmlns:a16="http://schemas.microsoft.com/office/drawing/2014/main" id="{BEBFAA7D-6613-524F-B842-9586284249CA}"/>
                </a:ext>
              </a:extLst>
            </p:cNvPr>
            <p:cNvSpPr/>
            <p:nvPr/>
          </p:nvSpPr>
          <p:spPr>
            <a:xfrm>
              <a:off x="904927" y="1831495"/>
              <a:ext cx="96970" cy="130043"/>
            </a:xfrm>
            <a:custGeom>
              <a:avLst/>
              <a:gdLst>
                <a:gd name="connsiteX0" fmla="*/ 0 w 96970"/>
                <a:gd name="connsiteY0" fmla="*/ 0 h 130043"/>
                <a:gd name="connsiteX1" fmla="*/ 96971 w 96970"/>
                <a:gd name="connsiteY1" fmla="*/ 0 h 130043"/>
                <a:gd name="connsiteX2" fmla="*/ 96971 w 96970"/>
                <a:gd name="connsiteY2" fmla="*/ 130044 h 130043"/>
                <a:gd name="connsiteX3" fmla="*/ 0 w 96970"/>
                <a:gd name="connsiteY3" fmla="*/ 130044 h 13004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96970" h="130043">
                  <a:moveTo>
                    <a:pt x="0" y="0"/>
                  </a:moveTo>
                  <a:lnTo>
                    <a:pt x="96971" y="0"/>
                  </a:lnTo>
                  <a:lnTo>
                    <a:pt x="96971" y="130044"/>
                  </a:lnTo>
                  <a:lnTo>
                    <a:pt x="0" y="130044"/>
                  </a:lnTo>
                  <a:close/>
                </a:path>
              </a:pathLst>
            </a:custGeom>
            <a:solidFill>
              <a:srgbClr val="F0AB00">
                <a:alpha val="40000"/>
              </a:srgbClr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" name="Freeform 17">
              <a:extLst>
                <a:ext uri="{FF2B5EF4-FFF2-40B4-BE49-F238E27FC236}">
                  <a16:creationId xmlns:a16="http://schemas.microsoft.com/office/drawing/2014/main" id="{C8C41A08-4BAA-7E42-94BA-0ED2A0B22E1D}"/>
                </a:ext>
              </a:extLst>
            </p:cNvPr>
            <p:cNvSpPr/>
            <p:nvPr/>
          </p:nvSpPr>
          <p:spPr>
            <a:xfrm>
              <a:off x="802684" y="1581510"/>
              <a:ext cx="284053" cy="506017"/>
            </a:xfrm>
            <a:custGeom>
              <a:avLst/>
              <a:gdLst>
                <a:gd name="connsiteX0" fmla="*/ 102243 w 284053"/>
                <a:gd name="connsiteY0" fmla="*/ 420477 h 506017"/>
                <a:gd name="connsiteX1" fmla="*/ 6084 w 284053"/>
                <a:gd name="connsiteY1" fmla="*/ 420477 h 506017"/>
                <a:gd name="connsiteX2" fmla="*/ 6084 w 284053"/>
                <a:gd name="connsiteY2" fmla="*/ 405728 h 506017"/>
                <a:gd name="connsiteX3" fmla="*/ 87495 w 284053"/>
                <a:gd name="connsiteY3" fmla="*/ 405728 h 506017"/>
                <a:gd name="connsiteX4" fmla="*/ 87495 w 284053"/>
                <a:gd name="connsiteY4" fmla="*/ 116918 h 506017"/>
                <a:gd name="connsiteX5" fmla="*/ 54680 w 284053"/>
                <a:gd name="connsiteY5" fmla="*/ 127979 h 506017"/>
                <a:gd name="connsiteX6" fmla="*/ 7374 w 284053"/>
                <a:gd name="connsiteY6" fmla="*/ 134800 h 506017"/>
                <a:gd name="connsiteX7" fmla="*/ 0 w 284053"/>
                <a:gd name="connsiteY7" fmla="*/ 134800 h 506017"/>
                <a:gd name="connsiteX8" fmla="*/ 0 w 284053"/>
                <a:gd name="connsiteY8" fmla="*/ 33110 h 506017"/>
                <a:gd name="connsiteX9" fmla="*/ 7042 w 284053"/>
                <a:gd name="connsiteY9" fmla="*/ 32705 h 506017"/>
                <a:gd name="connsiteX10" fmla="*/ 92251 w 284053"/>
                <a:gd name="connsiteY10" fmla="*/ 2065 h 506017"/>
                <a:gd name="connsiteX11" fmla="*/ 94390 w 284053"/>
                <a:gd name="connsiteY11" fmla="*/ 0 h 506017"/>
                <a:gd name="connsiteX12" fmla="*/ 199140 w 284053"/>
                <a:gd name="connsiteY12" fmla="*/ 0 h 506017"/>
                <a:gd name="connsiteX13" fmla="*/ 199140 w 284053"/>
                <a:gd name="connsiteY13" fmla="*/ 14748 h 506017"/>
                <a:gd name="connsiteX14" fmla="*/ 100326 w 284053"/>
                <a:gd name="connsiteY14" fmla="*/ 14748 h 506017"/>
                <a:gd name="connsiteX15" fmla="*/ 14675 w 284053"/>
                <a:gd name="connsiteY15" fmla="*/ 47121 h 506017"/>
                <a:gd name="connsiteX16" fmla="*/ 14675 w 284053"/>
                <a:gd name="connsiteY16" fmla="*/ 120015 h 506017"/>
                <a:gd name="connsiteX17" fmla="*/ 15228 w 284053"/>
                <a:gd name="connsiteY17" fmla="*/ 120015 h 506017"/>
                <a:gd name="connsiteX18" fmla="*/ 50734 w 284053"/>
                <a:gd name="connsiteY18" fmla="*/ 113968 h 506017"/>
                <a:gd name="connsiteX19" fmla="*/ 91293 w 284053"/>
                <a:gd name="connsiteY19" fmla="*/ 98888 h 506017"/>
                <a:gd name="connsiteX20" fmla="*/ 101985 w 284053"/>
                <a:gd name="connsiteY20" fmla="*/ 93468 h 506017"/>
                <a:gd name="connsiteX21" fmla="*/ 101985 w 284053"/>
                <a:gd name="connsiteY21" fmla="*/ 120015 h 506017"/>
                <a:gd name="connsiteX22" fmla="*/ 101985 w 284053"/>
                <a:gd name="connsiteY22" fmla="*/ 120015 h 506017"/>
                <a:gd name="connsiteX23" fmla="*/ 101985 w 284053"/>
                <a:gd name="connsiteY23" fmla="*/ 420550 h 506017"/>
                <a:gd name="connsiteX24" fmla="*/ 199214 w 284053"/>
                <a:gd name="connsiteY24" fmla="*/ 405728 h 506017"/>
                <a:gd name="connsiteX25" fmla="*/ 199214 w 284053"/>
                <a:gd name="connsiteY25" fmla="*/ 420477 h 506017"/>
                <a:gd name="connsiteX26" fmla="*/ 269269 w 284053"/>
                <a:gd name="connsiteY26" fmla="*/ 420477 h 506017"/>
                <a:gd name="connsiteX27" fmla="*/ 269269 w 284053"/>
                <a:gd name="connsiteY27" fmla="*/ 491269 h 506017"/>
                <a:gd name="connsiteX28" fmla="*/ 6084 w 284053"/>
                <a:gd name="connsiteY28" fmla="*/ 491269 h 506017"/>
                <a:gd name="connsiteX29" fmla="*/ 6084 w 284053"/>
                <a:gd name="connsiteY29" fmla="*/ 506017 h 506017"/>
                <a:gd name="connsiteX30" fmla="*/ 284054 w 284053"/>
                <a:gd name="connsiteY30" fmla="*/ 506017 h 506017"/>
                <a:gd name="connsiteX31" fmla="*/ 284054 w 284053"/>
                <a:gd name="connsiteY31" fmla="*/ 405728 h 5060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</a:cxnLst>
              <a:rect l="l" t="t" r="r" b="b"/>
              <a:pathLst>
                <a:path w="284053" h="506017">
                  <a:moveTo>
                    <a:pt x="102243" y="420477"/>
                  </a:moveTo>
                  <a:lnTo>
                    <a:pt x="6084" y="420477"/>
                  </a:lnTo>
                  <a:lnTo>
                    <a:pt x="6084" y="405728"/>
                  </a:lnTo>
                  <a:lnTo>
                    <a:pt x="87495" y="405728"/>
                  </a:lnTo>
                  <a:lnTo>
                    <a:pt x="87495" y="116918"/>
                  </a:lnTo>
                  <a:cubicBezTo>
                    <a:pt x="76824" y="121352"/>
                    <a:pt x="65859" y="125048"/>
                    <a:pt x="54680" y="127979"/>
                  </a:cubicBezTo>
                  <a:cubicBezTo>
                    <a:pt x="39279" y="132320"/>
                    <a:pt x="23374" y="134613"/>
                    <a:pt x="7374" y="134800"/>
                  </a:cubicBezTo>
                  <a:lnTo>
                    <a:pt x="0" y="134800"/>
                  </a:lnTo>
                  <a:lnTo>
                    <a:pt x="0" y="33110"/>
                  </a:lnTo>
                  <a:lnTo>
                    <a:pt x="7042" y="32705"/>
                  </a:lnTo>
                  <a:cubicBezTo>
                    <a:pt x="43913" y="31488"/>
                    <a:pt x="72525" y="21164"/>
                    <a:pt x="92251" y="2065"/>
                  </a:cubicBezTo>
                  <a:lnTo>
                    <a:pt x="94390" y="0"/>
                  </a:lnTo>
                  <a:lnTo>
                    <a:pt x="199140" y="0"/>
                  </a:lnTo>
                  <a:lnTo>
                    <a:pt x="199140" y="14748"/>
                  </a:lnTo>
                  <a:lnTo>
                    <a:pt x="100326" y="14748"/>
                  </a:lnTo>
                  <a:cubicBezTo>
                    <a:pt x="79383" y="33884"/>
                    <a:pt x="50624" y="44761"/>
                    <a:pt x="14675" y="47121"/>
                  </a:cubicBezTo>
                  <a:lnTo>
                    <a:pt x="14675" y="120015"/>
                  </a:lnTo>
                  <a:lnTo>
                    <a:pt x="15228" y="120015"/>
                  </a:lnTo>
                  <a:cubicBezTo>
                    <a:pt x="27237" y="119204"/>
                    <a:pt x="39134" y="117178"/>
                    <a:pt x="50734" y="113968"/>
                  </a:cubicBezTo>
                  <a:cubicBezTo>
                    <a:pt x="64720" y="110302"/>
                    <a:pt x="78307" y="105250"/>
                    <a:pt x="91293" y="98888"/>
                  </a:cubicBezTo>
                  <a:lnTo>
                    <a:pt x="101985" y="93468"/>
                  </a:lnTo>
                  <a:lnTo>
                    <a:pt x="101985" y="120015"/>
                  </a:lnTo>
                  <a:lnTo>
                    <a:pt x="101985" y="120015"/>
                  </a:lnTo>
                  <a:lnTo>
                    <a:pt x="101985" y="420550"/>
                  </a:lnTo>
                  <a:close/>
                  <a:moveTo>
                    <a:pt x="199214" y="405728"/>
                  </a:moveTo>
                  <a:lnTo>
                    <a:pt x="199214" y="420477"/>
                  </a:lnTo>
                  <a:lnTo>
                    <a:pt x="269269" y="420477"/>
                  </a:lnTo>
                  <a:lnTo>
                    <a:pt x="269269" y="491269"/>
                  </a:lnTo>
                  <a:lnTo>
                    <a:pt x="6084" y="491269"/>
                  </a:lnTo>
                  <a:lnTo>
                    <a:pt x="6084" y="506017"/>
                  </a:lnTo>
                  <a:lnTo>
                    <a:pt x="284054" y="506017"/>
                  </a:lnTo>
                  <a:lnTo>
                    <a:pt x="284054" y="405728"/>
                  </a:lnTo>
                  <a:close/>
                </a:path>
              </a:pathLst>
            </a:custGeom>
            <a:solidFill>
              <a:schemeClr val="tx1"/>
            </a:solidFill>
            <a:ln w="3687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FBD809FF-36E5-4CEB-A14C-761100FCEB3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/>
              <a:t>Agenda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8056539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2F68333-178C-10E5-60C2-F9D1AC6C497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620000"/>
            <a:ext cx="4110530" cy="4716000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Some models (i.e. linear regression, decision trees, </a:t>
            </a:r>
            <a:r>
              <a:rPr lang="en-US" dirty="0" err="1"/>
              <a:t>knn</a:t>
            </a:r>
            <a:r>
              <a:rPr lang="en-US" dirty="0"/>
              <a:t>, …) are </a:t>
            </a:r>
            <a:r>
              <a:rPr lang="en-US" b="1" dirty="0"/>
              <a:t>explainable models </a:t>
            </a:r>
            <a:r>
              <a:rPr lang="en-US" dirty="0"/>
              <a:t>by default</a:t>
            </a:r>
            <a:br>
              <a:rPr lang="en-US" dirty="0"/>
            </a:br>
            <a:r>
              <a:rPr lang="en-US" dirty="0">
                <a:sym typeface="Wingdings" panose="05000000000000000000" pitchFamily="2" charset="2"/>
              </a:rPr>
              <a:t> model-specific</a:t>
            </a:r>
            <a:endParaRPr lang="en-US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Non-explainable models can be approximated by an explainable one, and the explanations of the explainable one can be used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>
                <a:sym typeface="Wingdings" panose="05000000000000000000" pitchFamily="2" charset="2"/>
              </a:rPr>
              <a:t>Makes explainable models applicable to any model</a:t>
            </a:r>
            <a:br>
              <a:rPr lang="en-US" dirty="0">
                <a:sym typeface="Wingdings" panose="05000000000000000000" pitchFamily="2" charset="2"/>
              </a:rPr>
            </a:br>
            <a:r>
              <a:rPr lang="en-US" dirty="0">
                <a:sym typeface="Wingdings" panose="05000000000000000000" pitchFamily="2" charset="2"/>
              </a:rPr>
              <a:t> </a:t>
            </a:r>
            <a:r>
              <a:rPr lang="en-US" b="1" dirty="0">
                <a:sym typeface="Wingdings" panose="05000000000000000000" pitchFamily="2" charset="2"/>
              </a:rPr>
              <a:t>model-agnostic</a:t>
            </a:r>
            <a:endParaRPr lang="en-US" b="1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Local Interpretable Model-agnostic Explanations (LIME)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B21186B4-1EA0-9605-B3F3-031E741895A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14530" y="1620000"/>
            <a:ext cx="7075947" cy="426928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2F68333-178C-10E5-60C2-F9D1AC6C497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620000"/>
            <a:ext cx="4110530" cy="4716000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b="1" dirty="0"/>
              <a:t>Shapley values </a:t>
            </a:r>
            <a:r>
              <a:rPr lang="en-US" dirty="0"/>
              <a:t>stem from game theory and indicate contribution of a player (feature) to the payout (prediction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b="1" dirty="0"/>
              <a:t>SHAP-values</a:t>
            </a:r>
            <a:r>
              <a:rPr lang="en-US" dirty="0"/>
              <a:t>: Shapley values of conditional expectation function of original model, explain feature importance as additive attribu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verage prediction + sum of SHAP-values = specific prediction</a:t>
            </a:r>
            <a:endParaRPr lang="en-DE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Shapley Additive Explanations (SHAP)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B21186B4-1EA0-9605-B3F3-031E741895AC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/>
          <a:stretch/>
        </p:blipFill>
        <p:spPr>
          <a:xfrm>
            <a:off x="4614530" y="1837431"/>
            <a:ext cx="7075947" cy="383442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876173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2F68333-178C-10E5-60C2-F9D1AC6C497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620000"/>
            <a:ext cx="4110530" cy="4716000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llection of (statistical) methods to examine how input of a model influences its outpu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Multiple approaches exist, but the ones based on variance are especially comm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b="1" dirty="0"/>
              <a:t>Sensitivity indices </a:t>
            </a:r>
            <a:r>
              <a:rPr lang="en-US" i="1" dirty="0"/>
              <a:t>Si</a:t>
            </a:r>
            <a:r>
              <a:rPr lang="en-US" dirty="0"/>
              <a:t> measure the contribution of an input variable </a:t>
            </a:r>
            <a:r>
              <a:rPr lang="en-US" i="1" dirty="0"/>
              <a:t>Xi</a:t>
            </a:r>
            <a:r>
              <a:rPr lang="en-US" dirty="0"/>
              <a:t> to the total variance of the output </a:t>
            </a:r>
            <a:r>
              <a:rPr lang="en-US" i="1" dirty="0"/>
              <a:t>Y</a:t>
            </a:r>
            <a:r>
              <a:rPr lang="en-US" dirty="0"/>
              <a:t> </a:t>
            </a:r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Sensitivity Analysis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B21186B4-1EA0-9605-B3F3-031E741895AC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/>
          <a:stretch/>
        </p:blipFill>
        <p:spPr>
          <a:xfrm>
            <a:off x="6107583" y="1620000"/>
            <a:ext cx="4089841" cy="426928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5061850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EDC668E-0334-570F-911F-43B221A4E5E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b="1" dirty="0"/>
              <a:t>Policy-Level (PL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Describe agent’s long-term behavio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b="1" dirty="0"/>
              <a:t>Summarize Using Transitions</a:t>
            </a:r>
            <a:r>
              <a:rPr lang="en-US" dirty="0"/>
              <a:t>: context of experiences during traini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b="1" dirty="0"/>
              <a:t>Convert RNN to Interpretable Forma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b="1" dirty="0"/>
              <a:t>Extract Clusters or Abstract States</a:t>
            </a:r>
            <a:r>
              <a:rPr lang="en-US" dirty="0"/>
              <a:t>: Behavior with similar states</a:t>
            </a:r>
            <a:endParaRPr lang="en-DE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549475B2-A474-F11B-072F-32146946877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rmAutofit lnSpcReduction="10000"/>
          </a:bodyPr>
          <a:lstStyle/>
          <a:p>
            <a:r>
              <a:rPr lang="en-US" b="1" dirty="0"/>
              <a:t>Learning Process and MDP (LPM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MDP = Markov decision proces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Reveal interactions of MDP with agent during learning</a:t>
            </a:r>
            <a:br>
              <a:rPr lang="en-US" dirty="0"/>
            </a:br>
            <a:r>
              <a:rPr lang="en-US" dirty="0">
                <a:sym typeface="Wingdings" panose="05000000000000000000" pitchFamily="2" charset="2"/>
              </a:rPr>
              <a:t> commonly transition dynamic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>
                <a:sym typeface="Wingdings" panose="05000000000000000000" pitchFamily="2" charset="2"/>
              </a:rPr>
              <a:t>Approaches:</a:t>
            </a: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US" b="1" dirty="0"/>
              <a:t>Model Domain Information</a:t>
            </a:r>
            <a:endParaRPr lang="en-US" b="1" dirty="0">
              <a:sym typeface="Wingdings" panose="05000000000000000000" pitchFamily="2" charset="2"/>
            </a:endParaRP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US" b="1" dirty="0"/>
              <a:t>Decompose Reward Function</a:t>
            </a:r>
            <a:endParaRPr lang="en-US" b="1" dirty="0">
              <a:sym typeface="Wingdings" panose="05000000000000000000" pitchFamily="2" charset="2"/>
            </a:endParaRPr>
          </a:p>
          <a:p>
            <a:pPr marL="522864" lvl="1" indent="-342900">
              <a:buFont typeface="Arial" panose="020B0604020202020204" pitchFamily="34" charset="0"/>
              <a:buChar char="•"/>
            </a:pPr>
            <a:r>
              <a:rPr lang="en-US" b="1" dirty="0"/>
              <a:t>Identify Training Points</a:t>
            </a:r>
            <a:endParaRPr lang="en-DE" b="1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77117CE-515E-A80C-DDC0-C1320C2D007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b="1" dirty="0"/>
              <a:t>Feature Importance (FI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Builds on FI from supervised learni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Learn an </a:t>
            </a:r>
            <a:r>
              <a:rPr lang="en-US" b="1" dirty="0"/>
              <a:t>intrinsically interpretable polic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nvert a </a:t>
            </a:r>
            <a:r>
              <a:rPr lang="en-US" b="1" dirty="0"/>
              <a:t>non-interpretable policy to a interpretable on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b="1" dirty="0"/>
              <a:t>Directly generate explanations</a:t>
            </a:r>
            <a:r>
              <a:rPr lang="en-US" dirty="0"/>
              <a:t> manually or automatically</a:t>
            </a:r>
            <a:endParaRPr lang="en-DE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66FCB9FB-2758-7942-319C-B8C3C91FE8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plainable Reinforcement Learning (XRL)</a:t>
            </a:r>
            <a:endParaRPr lang="en-DE" dirty="0"/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1C330A0C-0EE3-84F1-3518-9D149EB9B270}"/>
              </a:ext>
            </a:extLst>
          </p:cNvPr>
          <p:cNvCxnSpPr>
            <a:cxnSpLocks/>
          </p:cNvCxnSpPr>
          <p:nvPr/>
        </p:nvCxnSpPr>
        <p:spPr>
          <a:xfrm>
            <a:off x="8002502" y="1620000"/>
            <a:ext cx="0" cy="4680000"/>
          </a:xfrm>
          <a:prstGeom prst="line">
            <a:avLst/>
          </a:prstGeom>
          <a:ln w="57150">
            <a:solidFill>
              <a:schemeClr val="accent1"/>
            </a:solidFill>
            <a:prstDash val="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F022289E-0B4B-9D65-1317-99E21BC6ABF8}"/>
              </a:ext>
            </a:extLst>
          </p:cNvPr>
          <p:cNvCxnSpPr>
            <a:cxnSpLocks/>
          </p:cNvCxnSpPr>
          <p:nvPr/>
        </p:nvCxnSpPr>
        <p:spPr>
          <a:xfrm>
            <a:off x="4199596" y="1620000"/>
            <a:ext cx="0" cy="4680000"/>
          </a:xfrm>
          <a:prstGeom prst="line">
            <a:avLst/>
          </a:prstGeom>
          <a:ln w="57150">
            <a:solidFill>
              <a:schemeClr val="accent1"/>
            </a:solidFill>
            <a:prstDash val="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8108432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341E997-0063-93CA-A6A1-6FCEB8DBFE8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92500" lnSpcReduction="20000"/>
          </a:bodyPr>
          <a:lstStyle/>
          <a:p>
            <a:pPr marL="285750" marR="0" indent="-285750" algn="l" rtl="0">
              <a:buFont typeface="Arial" panose="020B0604020202020204" pitchFamily="34" charset="0"/>
              <a:buChar char="•"/>
            </a:pPr>
            <a:r>
              <a:rPr lang="en-US" sz="1800" b="0" i="0" u="none" strike="noStrike" baseline="0" dirty="0" err="1">
                <a:latin typeface="Calibri" panose="020F0502020204030204" pitchFamily="34" charset="0"/>
              </a:rPr>
              <a:t>Borgonovo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, Emanuele (2017): Sensitivity Analysis: An Introduction for the Management Scientist. Cham: Springer International Publishing (International Series in Operations Research et Management Science, 251).</a:t>
            </a:r>
          </a:p>
          <a:p>
            <a:pPr marL="285750" marR="0" indent="-285750" algn="l" rtl="0">
              <a:buFont typeface="Arial" panose="020B0604020202020204" pitchFamily="34" charset="0"/>
              <a:buChar char="•"/>
            </a:pPr>
            <a:r>
              <a:rPr lang="en-US" sz="1800" b="0" i="0" u="none" strike="noStrike" baseline="0" dirty="0">
                <a:latin typeface="Calibri" panose="020F0502020204030204" pitchFamily="34" charset="0"/>
              </a:rPr>
              <a:t>Guyon, I.; </a:t>
            </a:r>
            <a:r>
              <a:rPr lang="en-US" sz="1800" b="0" i="0" u="none" strike="noStrike" baseline="0" dirty="0" err="1">
                <a:latin typeface="Calibri" panose="020F0502020204030204" pitchFamily="34" charset="0"/>
              </a:rPr>
              <a:t>Luxburg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, U. von; </a:t>
            </a:r>
            <a:r>
              <a:rPr lang="en-US" sz="1800" b="0" i="0" u="none" strike="noStrike" baseline="0" dirty="0" err="1">
                <a:latin typeface="Calibri" panose="020F0502020204030204" pitchFamily="34" charset="0"/>
              </a:rPr>
              <a:t>Bengio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, S.; Wallach, H.; Fergus, R.; </a:t>
            </a:r>
            <a:r>
              <a:rPr lang="en-US" sz="1800" b="0" i="0" u="none" strike="noStrike" baseline="0" dirty="0" err="1">
                <a:latin typeface="Calibri" panose="020F0502020204030204" pitchFamily="34" charset="0"/>
              </a:rPr>
              <a:t>Vishwanathan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, S.; Garnett, R. (Eds.) (2017): Advances in Neural Information Processing Systems: Curran Associates, Inc.</a:t>
            </a:r>
          </a:p>
          <a:p>
            <a:pPr marL="285750" marR="0" indent="-285750" algn="l" rtl="0">
              <a:buFont typeface="Arial" panose="020B0604020202020204" pitchFamily="34" charset="0"/>
              <a:buChar char="•"/>
            </a:pPr>
            <a:r>
              <a:rPr lang="en-US" sz="1800" b="0" i="0" u="none" strike="noStrike" baseline="0" dirty="0">
                <a:latin typeface="Calibri" panose="020F0502020204030204" pitchFamily="34" charset="0"/>
              </a:rPr>
              <a:t>Lundberg, Scott M.; Lee, </a:t>
            </a:r>
            <a:r>
              <a:rPr lang="en-US" sz="1800" b="0" i="0" u="none" strike="noStrike" baseline="0" dirty="0" err="1">
                <a:latin typeface="Calibri" panose="020F0502020204030204" pitchFamily="34" charset="0"/>
              </a:rPr>
              <a:t>Su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-In (2017): A Unified Approach to Interpreting Model Predictions. In I. Guyon, U. von </a:t>
            </a:r>
            <a:r>
              <a:rPr lang="en-US" sz="1800" b="0" i="0" u="none" strike="noStrike" baseline="0" dirty="0" err="1">
                <a:latin typeface="Calibri" panose="020F0502020204030204" pitchFamily="34" charset="0"/>
              </a:rPr>
              <a:t>Luxburg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, S. </a:t>
            </a:r>
            <a:r>
              <a:rPr lang="en-US" sz="1800" b="0" i="0" u="none" strike="noStrike" baseline="0" dirty="0" err="1">
                <a:latin typeface="Calibri" panose="020F0502020204030204" pitchFamily="34" charset="0"/>
              </a:rPr>
              <a:t>Bengio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, H. Wallach, R. Fergus, S. </a:t>
            </a:r>
            <a:r>
              <a:rPr lang="en-US" sz="1800" b="0" i="0" u="none" strike="noStrike" baseline="0" dirty="0" err="1">
                <a:latin typeface="Calibri" panose="020F0502020204030204" pitchFamily="34" charset="0"/>
              </a:rPr>
              <a:t>Vishwanathan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, R. Garnett (Eds.): Advances in Neural Information Processing Systems, vol. 30: Curran Associates, Inc. Available online at https://proceedings.neurips.cc/paper/2017/file/8a20a8621978632d76c43dfd28b67767-Paper.pdf.</a:t>
            </a:r>
          </a:p>
          <a:p>
            <a:pPr marL="285750" marR="0" indent="-285750" algn="l" rtl="0">
              <a:buFont typeface="Arial" panose="020B0604020202020204" pitchFamily="34" charset="0"/>
              <a:buChar char="•"/>
            </a:pPr>
            <a:r>
              <a:rPr lang="en-US" sz="1800" b="0" i="0" u="none" strike="noStrike" baseline="0" dirty="0">
                <a:latin typeface="Calibri" panose="020F0502020204030204" pitchFamily="34" charset="0"/>
              </a:rPr>
              <a:t>Milani, Stephanie; </a:t>
            </a:r>
            <a:r>
              <a:rPr lang="en-US" sz="1800" b="0" i="0" u="none" strike="noStrike" baseline="0" dirty="0" err="1">
                <a:latin typeface="Calibri" panose="020F0502020204030204" pitchFamily="34" charset="0"/>
              </a:rPr>
              <a:t>Topin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, </a:t>
            </a:r>
            <a:r>
              <a:rPr lang="en-US" sz="1800" b="0" i="0" u="none" strike="noStrike" baseline="0" dirty="0" err="1">
                <a:latin typeface="Calibri" panose="020F0502020204030204" pitchFamily="34" charset="0"/>
              </a:rPr>
              <a:t>Nicholay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; Veloso, Manuela; Fang, Fei (2022): A Survey of Explainable Reinforcement Learning.</a:t>
            </a:r>
          </a:p>
          <a:p>
            <a:pPr marL="285750" marR="0" indent="-285750" algn="l" rtl="0">
              <a:buFont typeface="Arial" panose="020B0604020202020204" pitchFamily="34" charset="0"/>
              <a:buChar char="•"/>
            </a:pPr>
            <a:r>
              <a:rPr lang="en-US" sz="1800" b="0" i="0" u="none" strike="noStrike" baseline="0" dirty="0">
                <a:latin typeface="Calibri" panose="020F0502020204030204" pitchFamily="34" charset="0"/>
              </a:rPr>
              <a:t>Molnar, Christoph (2022): Interpretable Machine Learning: A Guide for Making Black Box Models Explainable. 2</a:t>
            </a:r>
            <a:r>
              <a:rPr lang="en-US" sz="1800" b="0" i="0" u="none" strike="noStrike" baseline="30000" dirty="0">
                <a:latin typeface="Calibri" panose="020F0502020204030204" pitchFamily="34" charset="0"/>
              </a:rPr>
              <a:t>nd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 ed. Available online at https://christophm.github.io/interpretable-ml-book.</a:t>
            </a:r>
          </a:p>
          <a:p>
            <a:pPr marL="285750" marR="0" indent="-285750" algn="l" rtl="0">
              <a:buFont typeface="Arial" panose="020B0604020202020204" pitchFamily="34" charset="0"/>
              <a:buChar char="•"/>
            </a:pPr>
            <a:r>
              <a:rPr lang="en-US" sz="1800" b="0" i="0" u="none" strike="noStrike" baseline="0" dirty="0">
                <a:latin typeface="Calibri" panose="020F0502020204030204" pitchFamily="34" charset="0"/>
              </a:rPr>
              <a:t>Owen, Guillermo (2013): Game theory: Emerald Group Publishing.</a:t>
            </a:r>
          </a:p>
          <a:p>
            <a:pPr marL="285750" marR="0" indent="-285750" algn="l" rtl="0">
              <a:buFont typeface="Arial" panose="020B0604020202020204" pitchFamily="34" charset="0"/>
              <a:buChar char="•"/>
            </a:pPr>
            <a:r>
              <a:rPr lang="en-US" sz="1800" b="0" i="0" u="none" strike="noStrike" baseline="0" dirty="0">
                <a:latin typeface="Calibri" panose="020F0502020204030204" pitchFamily="34" charset="0"/>
              </a:rPr>
              <a:t>Shapley, Lloyd S. (1953): A value for n-person games.</a:t>
            </a:r>
          </a:p>
          <a:p>
            <a:pPr marL="285750" marR="0" indent="-285750" algn="l" rtl="0">
              <a:buFont typeface="Arial" panose="020B0604020202020204" pitchFamily="34" charset="0"/>
              <a:buChar char="•"/>
            </a:pPr>
            <a:r>
              <a:rPr lang="en-US" sz="1800" b="0" i="0" u="none" strike="noStrike" baseline="0" dirty="0">
                <a:latin typeface="Calibri" panose="020F0502020204030204" pitchFamily="34" charset="0"/>
              </a:rPr>
              <a:t>Sobol’, Ilya M. (2001): Global sensitivity indices for nonlinear mathematical models and their Monte Carlo estimates. In </a:t>
            </a:r>
            <a:r>
              <a:rPr lang="en-US" sz="1800" b="0" i="1" u="none" strike="noStrike" baseline="0" dirty="0">
                <a:latin typeface="Calibri" panose="020F0502020204030204" pitchFamily="34" charset="0"/>
              </a:rPr>
              <a:t>Mathematics and Computers in Simulation </a:t>
            </a:r>
            <a:r>
              <a:rPr lang="en-US" sz="1800" b="0" i="0" u="none" strike="noStrike" baseline="0" dirty="0">
                <a:latin typeface="Calibri" panose="020F0502020204030204" pitchFamily="34" charset="0"/>
              </a:rPr>
              <a:t>55 (1-3), pp. 271–280.</a:t>
            </a:r>
            <a:endParaRPr lang="en-DE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37423D8F-D5A5-E60D-268C-796B1EF2AD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ources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94096153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b="1" dirty="0">
                <a:cs typeface="72" panose="020B0503030000000003" pitchFamily="34" charset="0"/>
              </a:rPr>
              <a:t>Thank you.</a:t>
            </a:r>
          </a:p>
        </p:txBody>
      </p:sp>
      <p:sp>
        <p:nvSpPr>
          <p:cNvPr id="3" name="TextBox 2" descr="{&quot;templafy&quot;:{&quot;id&quot;:&quot;53154a76-a264-491a-a833-28527976f5ca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Arial" panose="020B0604020202020204" pitchFamily="34" charset="0"/>
              </a:rPr>
              <a:t>Valentin Mueller</a:t>
            </a:r>
          </a:p>
        </p:txBody>
      </p:sp>
      <p:sp>
        <p:nvSpPr>
          <p:cNvPr id="4" name="TextBox 3" descr="{&quot;templafy&quot;:{&quot;id&quot;:&quot;7fd53b94-5cd6-4041-89ad-67e4fac1b8b5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7486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Arial" panose="020B0604020202020204" pitchFamily="34" charset="0"/>
              </a:rPr>
              <a:t>valentin.mueller@sap.co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56c8ffe4-16f7-4526-b560-b8ba74a97715","elementConfiguration":{"binding":"{{ DataSources.Classification[Form.Classification.Name].Display}}","type":"text","disableUpdates":false}},{"type":"shape","id":"ea5197a6-4df5-4398-a7ec-c91aa2f58c56","elementConfiguration":{"image":"{{Form.SAPLogo.LogoWhite}}","type":"image","disableUpdates":false}},{"type":"shape","id":"b35c61d1-a1ae-4935-8915-c595c227a2a8","elementConfiguration":{"image":"{{Form.SAPLogo.SubbrandWhite}}","visibility":"{{IfElse(Equals(Form.SAPLogo.HideSubBrandShape, \"Yes\"), VisibilityType.Hidden, VisibilityType.Visible)}}","type":"image","disableUpdates":false}},{"type":"shape","id":"a93bc76b-a35c-4da2-8c2e-b37696012bce","elementConfiguration":{"binding":"{{DataSources.Classification[Form.Classification.Name].Display}}","type":"text","disableUpdates":false}},{"type":"shape","id":"ad498170-6840-41f5-96ac-049d9860d60f","elementConfiguration":{"image":"{{Form.SAPLogo.LogoWhite}}","type":"image","disableUpdates":false}},{"type":"shape","id":"9d0a95de-ddb2-443d-b3a4-9109b9adbbe2","elementConfiguration":{"binding":"{{DataSources.Classification[Form.Classification.Name].Display}}","type":"text","disableUpdates":false}},{"type":"shape","id":"c2811027-4155-4273-b5c2-8d5a5a12478e","elementConfiguration":{"image":"{{Form.SAPLogo.SubbrandWhite}}","visibility":"{{IfElse(Equals(Form.SAPLogo.HideSubBrandShape, \"Yes\"), VisibilityType.Hidden, VisibilityType.Visible)}}","type":"image","disableUpdates":false}},{"type":"shape","id":"a55e9405-7f87-41c6-ba5a-0a72cf1cf122","elementConfiguration":{"image":"{{Form.SAPLogo.LogoWhite}}","type":"image","disableUpdates":false}},{"type":"shape","id":"3facbc40-eda2-4111-9e20-157df215eaf3","elementConfiguration":{"image":"{{Form.SAPLogo.SubbrandWhite}}","visibility":"{{IfElse(Equals(Form.SAPLogo.HideSubBrandShape, \"Yes\"), VisibilityType.Hidden, VisibilityType.Visible)}}","type":"image","disableUpdates":false}},{"type":"shape","id":"70d629b9-5c24-4153-bf67-36ce0749229e","elementConfiguration":{"binding":"{{DataSources.Classification[Form.Classification.Name].Display}}","type":"text","disableUpdates":false}},{"type":"shape","id":"ceb66bb0-71ce-4a89-9d8c-6d34a718aafb","elementConfiguration":{"image":"{{Form.SAPLogo.LogoBlack}}","type":"image","disableUpdates":false}},{"type":"shape","id":"8b7aefd2-e693-4efc-a7cd-27ab5fe9e358","elementConfiguration":{"image":"{{Form.SAPLogo.SubbrandBlack}}","visibility":"{{IfElse(Equals(Form.SAPLogo.HideSubBrandShape, \"Yes\"), VisibilityType.Hidden, VisibilityType.Visible)}}","type":"image","disableUpdates":false}},{"type":"shape","id":"a8516d0d-dcd1-40f5-8b23-1040f43b4f72","elementConfiguration":{"binding":"{{DataSources.Classification[Form.Classification.Name].Display}}","type":"text","disableUpdates":false}},{"type":"shape","id":"e273bf79-15c8-4af2-bbdc-db69c156a72a","elementConfiguration":{"image":"{{Form.SAPLogo.LogoWhite}}","type":"image","disableUpdates":false}},{"type":"shape","id":"00821f39-cf0f-4d89-a4b7-213260a7297d","elementConfiguration":{"image":"{{Form.SAPLogo.SubbrandWhite}}","visibility":"{{IfElse(Equals(Form.SAPLogo.HideSubBrandShape, \"Yes\"), VisibilityType.Hidden, VisibilityType.Visible)}}","type":"image","disableUpdates":false}},{"type":"shape","id":"1e9fbfc0-4348-4622-8b8b-660378e71330","elementConfiguration":{"binding":"{{DataSources.Classification[Form.Classification.Name].Display}}","type":"text","disableUpdates":false}},{"type":"shape","id":"3ed5ea73-4237-4e8b-a86c-bf4eb78a1614","elementConfiguration":{"image":"{{Form.SAPLogo.SubbrandWhite}}","visibility":"{{IfElse(Equals(Form.SAPLogo.HideSubBrandShape, \"Yes\"), VisibilityType.Hidden, VisibilityType.Visible)}}","type":"image","disableUpdates":false}},{"type":"shape","id":"a5278d86-1e1d-4284-879d-5fe78bdbeeef","elementConfiguration":{"binding":"{{DataSources.PPTCopyRight[\"Slide 5 copyright\"].CopyrightMessage}}","visibility":"","type":"text","disableUpdates":false}},{"type":"shape","id":"3e2306fa-c885-4ac8-8fc2-5ff37797d060","elementConfiguration":{"image":"{{Form.SAPLogo.LogoWhite}}","type":"image","disableUpdates":false}},{"type":"shape","id":"33f06655-5653-4e5b-a8b3-9771c6994b2f","elementConfiguration":{"binding":"{{DataSources.Classification[Form.Classification.Name].Display}}","type":"text","disableUpdates":false}},{"type":"shape","id":"8b15a001-f28c-44ae-8241-1b0d93bef3cf","elementConfiguration":{"image":"{{Form.SAPLogo.LogoBlack}}","type":"image","disableUpdates":false}},{"type":"shape","id":"beb19f02-9db9-433b-a060-b67e473e4aa6","elementConfiguration":{"image":"{{Form.SAPLogo.SubbrandBlack}}","visibility":"{{IfElse(Equals(Form.SAPLogo.HideSubBrandShape, \"Yes\"), VisibilityType.Hidden, VisibilityType.Visible)}}","type":"image","disableUpdates":false}},{"type":"shape","id":"1327e49e-d6b9-4871-b1f2-57669625b565","elementConfiguration":{"image":"{{Form.SAPLogo.LogoWhite}}","type":"image","disableUpdates":false}},{"type":"shape","id":"50200eec-0d9e-4caf-a323-241c8680b669","elementConfiguration":{"image":"{{Form.SAPLogo.SubbrandWhite}}","visibility":"{{IfElse(Equals(Form.SAPLogo.HideSubBrandShape, \"Yes\"), VisibilityType.Hidden, VisibilityType.Visible)}}","type":"image","disableUpdates":false}},{"type":"shape","id":"5f42d249-172f-4995-b6e0-2eefc98a98e5","elementConfiguration":{"binding":"{{DataSources.Classification[Form.Classification.Name].Display}}","type":"text","disableUpdates":false}},{"type":"shape","id":"15389d76-946d-484e-b181-cc3a1f16ae29","elementConfiguration":{"binding":"{{StringJoin(\", \", Form.SpeakerName,\"SAP\")}}","type":"text","disableUpdates":false}},{"type":"shape","id":"bc4a43b3-6ea2-40af-b994-9dacad06d582","elementConfiguration":{"binding":"{{FormatDateTime(Form.Date,\"MMMM dd, yyyy\",\"en-US\")}}","type":"text","disableUpdates":false}},{"type":"shape","id":"19496867-87bd-4dee-a7bb-52b09ca4bd44","elementConfiguration":{"binding":"{{StringJoin(\", \", Form.SpeakerName,\"SAP\")}}","type":"text","disableUpdates":false}},{"type":"shape","id":"ceb28496-4e42-4be8-94cb-606eb2de3a71","elementConfiguration":{"binding":"{{FormatDateTime(Form.Date,\"MMMM dd, yyyy\",\"en-US\")}}","type":"text","disableUpdates":false}},{"type":"shape","id":"7b8282b6-284a-41eb-87c6-23338cb6c7ef","elementConfiguration":{"binding":"{{StringJoin(\", \", Form.SpeakerName,\"SAP\")}}","type":"text","disableUpdates":false}},{"type":"shape","id":"12519c68-fc11-4402-b55e-2b3cac18481d","elementConfiguration":{"binding":"{{FormatDateTime(Form.Date,\"MMMM dd, yyyy\",\"en-US\")}}","type":"text","disableUpdates":false}},{"type":"shape","id":"87a1f8a6-c514-4ef1-b683-31bc072db430","elementConfiguration":{"binding":"{{StringJoin(\", \", Form.SpeakerName,\"SAP\")}}","type":"text","disableUpdates":false}},{"type":"shape","id":"8d859913-5de6-4c2f-ab15-22d38617038f","elementConfiguration":{"binding":"{{FormatDateTime(Form.Date,\"MMMM dd, yyyy\",\"en-US\")}}","type":"text","disableUpdates":false}},{"type":"shape","id":"22d4be3a-ad93-4a66-ad3e-ad6fec73aa81","elementConfiguration":{"binding":"{{StringJoin(\", \", Form.SpeakerName,\"SAP\")}}","type":"text","disableUpdates":false}},{"type":"shape","id":"75611c80-7b41-4be8-b50a-00b9f43cee88","elementConfiguration":{"binding":"{{FormatDateTime(Form.Date,\"MMMM dd, yyyy\",\"en-US\")}}","type":"text","disableUpdates":false}},{"type":"shape","id":"53154a76-a264-491a-a833-28527976f5ca","elementConfiguration":{"binding":"{{Form.SpeakerName}}","type":"text","disableUpdates":false}},{"type":"shape","id":"7fd53b94-5cd6-4041-89ad-67e4fac1b8b5","elementConfiguration":{"binding":"{{Form.Email}}","type":"text","disableUpdates":false}}],"transformationConfigurations":[],"templateName":"SAP Template","templateDescription":"","enableDocumentContentUpdater":true,"version":"2.0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259724375507888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259724375507888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8259724375507888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7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image":"{{Form.SAPLogo.SubbrandWhite}}","visibility":"{{IfElse(Equals(Form.SAPLogo.HideSubBrandShape, \"Yes\"), VisibilityType.Hidden, VisibilityType.Visible)}}","type":"image","disableUpdates":false}},{"type":"shape","elementConfiguration":{"binding":"{{DataSources.PPTCopyRight[\"Slide 5 copyright\"].CopyrightMessage}}","visibility":"","type":"text","disableUpdates":false}},{"type":"shape","elementConfiguration":{"image":"{{Form.SAPLogo.LogoWhite}}","type":"image","disableUpdates":false}}],"slideId":"638259724375519435","enableDocumentContentUpdater":false,"version":"2.0"}]]></TemplafySlide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hBxQjLlSjxeh7OeEFu8zqeWzu+JhJOK0Kk7wAxrfD6w="},{"name":"Date","value":"mbF56lkqJZuWpLMDXTY9hA=="},{"name":"SpeakerName","value":"jN49Sm5McIp/svmSCAcpcwv0p2kBVoz9TgethuJr1VM="},{"name":"Email","value":"8QUKb6XuNzki/vJ9qpi+aP7JelxFyR6/vrwoH64w0Dk="}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mage":"{{Form.SAPLogo.LogoWhite}}","type":"image","disableUpdates":false}},{"type":"shape","elementConfiguration":{"image":"{{Form.SAPLogo.SubbrandWhite}}","visibility":"{{IfElse(Equals(Form.SAPLogo.HideSubBrandShape, \"Yes\"), VisibilityType.Hidden, VisibilityType.Visible)}}","type":"image","disableUpdates":false}},{"type":"shape","elementConfiguration":{"binding":"{{DataSources.Classification[Form.Classification.Name].Display}}","type":"text","disableUpdates":false}}],"slideId":"638259724375376698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7867244054165987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626BBCBB-1894-4E66-BA48-9E91CE3ACBA0}">
  <ds:schemaRefs/>
</ds:datastoreItem>
</file>

<file path=customXml/itemProps10.xml><?xml version="1.0" encoding="utf-8"?>
<ds:datastoreItem xmlns:ds="http://schemas.openxmlformats.org/officeDocument/2006/customXml" ds:itemID="{8D60027D-B63E-433E-BB56-64F598DA4B11}">
  <ds:schemaRefs/>
</ds:datastoreItem>
</file>

<file path=customXml/itemProps11.xml><?xml version="1.0" encoding="utf-8"?>
<ds:datastoreItem xmlns:ds="http://schemas.openxmlformats.org/officeDocument/2006/customXml" ds:itemID="{FB3CBE98-0F50-4DCC-AB6D-9CE0DBAA75FF}">
  <ds:schemaRefs/>
</ds:datastoreItem>
</file>

<file path=customXml/itemProps12.xml><?xml version="1.0" encoding="utf-8"?>
<ds:datastoreItem xmlns:ds="http://schemas.openxmlformats.org/officeDocument/2006/customXml" ds:itemID="{0CB04A80-B7EF-4AAB-A623-818DFFF65581}">
  <ds:schemaRefs/>
</ds:datastoreItem>
</file>

<file path=customXml/itemProps13.xml><?xml version="1.0" encoding="utf-8"?>
<ds:datastoreItem xmlns:ds="http://schemas.openxmlformats.org/officeDocument/2006/customXml" ds:itemID="{09C805DC-8251-4137-97BA-DB6F57C32F6F}">
  <ds:schemaRefs/>
</ds:datastoreItem>
</file>

<file path=customXml/itemProps14.xml><?xml version="1.0" encoding="utf-8"?>
<ds:datastoreItem xmlns:ds="http://schemas.openxmlformats.org/officeDocument/2006/customXml" ds:itemID="{4F139B7C-5CFD-4167-8A13-6E09D241F85C}">
  <ds:schemaRefs/>
</ds:datastoreItem>
</file>

<file path=customXml/itemProps15.xml><?xml version="1.0" encoding="utf-8"?>
<ds:datastoreItem xmlns:ds="http://schemas.openxmlformats.org/officeDocument/2006/customXml" ds:itemID="{821D97AC-0F24-4C2B-8CFE-AE369323CF14}">
  <ds:schemaRefs/>
</ds:datastoreItem>
</file>

<file path=customXml/itemProps16.xml><?xml version="1.0" encoding="utf-8"?>
<ds:datastoreItem xmlns:ds="http://schemas.openxmlformats.org/officeDocument/2006/customXml" ds:itemID="{47869D81-24A3-1649-A7BC-E604AE89024C}">
  <ds:schemaRefs/>
</ds:datastoreItem>
</file>

<file path=customXml/itemProps17.xml><?xml version="1.0" encoding="utf-8"?>
<ds:datastoreItem xmlns:ds="http://schemas.openxmlformats.org/officeDocument/2006/customXml" ds:itemID="{3E4381A6-8E2C-574D-B48E-536A53B18F66}">
  <ds:schemaRefs/>
</ds:datastoreItem>
</file>

<file path=customXml/itemProps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C49FFC8-2FF3-4057-96F0-3BCD1A4F0351}">
  <ds:schemaRefs/>
</ds:datastoreItem>
</file>

<file path=customXml/itemProps4.xml><?xml version="1.0" encoding="utf-8"?>
<ds:datastoreItem xmlns:ds="http://schemas.openxmlformats.org/officeDocument/2006/customXml" ds:itemID="{C1422F45-04DB-421D-8796-270006657806}">
  <ds:schemaRefs>
    <ds:schemaRef ds:uri="http://www.w3.org/XML/1998/namespace"/>
    <ds:schemaRef ds:uri="http://purl.org/dc/elements/1.1/"/>
    <ds:schemaRef ds:uri="http://purl.org/dc/terms/"/>
    <ds:schemaRef ds:uri="http://schemas.microsoft.com/office/infopath/2007/PartnerControls"/>
    <ds:schemaRef ds:uri="0e00d59e-b0d2-4e67-be34-67e465b0fbed"/>
    <ds:schemaRef ds:uri="47fc58d8-9f4b-4bc8-b278-c3cb6f298023"/>
    <ds:schemaRef ds:uri="http://purl.org/dc/dcmitype/"/>
    <ds:schemaRef ds:uri="http://schemas.microsoft.com/office/2006/documentManagement/types"/>
    <ds:schemaRef ds:uri="http://schemas.openxmlformats.org/package/2006/metadata/core-properties"/>
    <ds:schemaRef ds:uri="http://schemas.microsoft.com/office/2006/metadata/properties"/>
  </ds:schemaRefs>
</ds:datastoreItem>
</file>

<file path=customXml/itemProps5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E726EAB-FE30-4F4D-A478-DE4759D9A12E}">
  <ds:schemaRefs/>
</ds:datastoreItem>
</file>

<file path=customXml/itemProps7.xml><?xml version="1.0" encoding="utf-8"?>
<ds:datastoreItem xmlns:ds="http://schemas.openxmlformats.org/officeDocument/2006/customXml" ds:itemID="{F444086E-23D4-43AE-9B84-AA7543534A61}">
  <ds:schemaRefs/>
</ds:datastoreItem>
</file>

<file path=customXml/itemProps8.xml><?xml version="1.0" encoding="utf-8"?>
<ds:datastoreItem xmlns:ds="http://schemas.openxmlformats.org/officeDocument/2006/customXml" ds:itemID="{3C41CFAD-5B39-497F-9F35-092E4CF8F2C0}">
  <ds:schemaRefs/>
</ds:datastoreItem>
</file>

<file path=customXml/itemProps9.xml><?xml version="1.0" encoding="utf-8"?>
<ds:datastoreItem xmlns:ds="http://schemas.openxmlformats.org/officeDocument/2006/customXml" ds:itemID="{7DE47F5D-7D65-43B5-87BC-9A5920992E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2896</TotalTime>
  <Words>625</Words>
  <Application>Microsoft Office PowerPoint</Application>
  <PresentationFormat>Custom</PresentationFormat>
  <Paragraphs>56</Paragraphs>
  <Slides>8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5" baseType="lpstr">
      <vt:lpstr>Arial</vt:lpstr>
      <vt:lpstr>Wingdings</vt:lpstr>
      <vt:lpstr>Symbol</vt:lpstr>
      <vt:lpstr>Wingdings</vt:lpstr>
      <vt:lpstr>Calibri</vt:lpstr>
      <vt:lpstr>Courier New</vt:lpstr>
      <vt:lpstr>SAP Template 2023</vt:lpstr>
      <vt:lpstr>Introduction to Explainable AI</vt:lpstr>
      <vt:lpstr>Agenda</vt:lpstr>
      <vt:lpstr>Local Interpretable Model-agnostic Explanations (LIME)</vt:lpstr>
      <vt:lpstr>Shapley Additive Explanations (SHAP)</vt:lpstr>
      <vt:lpstr>Sensitivity Analysis</vt:lpstr>
      <vt:lpstr>Explainable Reinforcement Learning (XRL)</vt:lpstr>
      <vt:lpstr>Sources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3/16:9/white</cp:keywords>
  <dc:description/>
  <cp:lastModifiedBy>Mueller, Valentin</cp:lastModifiedBy>
  <cp:revision>252</cp:revision>
  <dcterms:created xsi:type="dcterms:W3CDTF">2023-07-29T08:38:09Z</dcterms:created>
  <dcterms:modified xsi:type="dcterms:W3CDTF">2023-07-30T13:24:2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07-27T07:26:44</vt:lpwstr>
  </property>
  <property fmtid="{D5CDD505-2E9C-101B-9397-08002B2CF9AE}" pid="10" name="TemplafyTenantId">
    <vt:lpwstr>sap</vt:lpwstr>
  </property>
  <property fmtid="{D5CDD505-2E9C-101B-9397-08002B2CF9AE}" pid="11" name="TemplafyTemplateId">
    <vt:lpwstr>638259724362592941</vt:lpwstr>
  </property>
  <property fmtid="{D5CDD505-2E9C-101B-9397-08002B2CF9AE}" pid="12" name="TemplafyUserProfileId">
    <vt:lpwstr>637709117787438411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